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120" yWindow="45" windowWidth="18915" windowHeight="8445"/>
  </bookViews>
  <sheets>
    <sheet name="養護" sheetId="1" r:id="rId1"/>
  </sheets>
  <definedNames>
    <definedName name="_xlnm.Print_Area" localSheetId="0">養護!$A$1:$J$51</definedName>
  </definedNames>
  <calcPr calcId="162913"/>
</workbook>
</file>

<file path=xl/calcChain.xml><?xml version="1.0" encoding="utf-8"?>
<calcChain xmlns="http://schemas.openxmlformats.org/spreadsheetml/2006/main">
  <c r="C50" i="1" l="1"/>
</calcChain>
</file>

<file path=xl/sharedStrings.xml><?xml version="1.0" encoding="utf-8"?>
<sst xmlns="http://schemas.openxmlformats.org/spreadsheetml/2006/main" count="197" uniqueCount="165">
  <si>
    <t>圏域</t>
    <rPh sb="0" eb="2">
      <t>ケンイキ</t>
    </rPh>
    <phoneticPr fontId="2"/>
  </si>
  <si>
    <t>施設名</t>
    <rPh sb="0" eb="2">
      <t>シセツ</t>
    </rPh>
    <rPh sb="2" eb="3">
      <t>メイ</t>
    </rPh>
    <phoneticPr fontId="2"/>
  </si>
  <si>
    <t>定員</t>
    <rPh sb="0" eb="2">
      <t>テイイン</t>
    </rPh>
    <phoneticPr fontId="2"/>
  </si>
  <si>
    <t>郵便番号</t>
    <rPh sb="0" eb="2">
      <t>ユウビン</t>
    </rPh>
    <rPh sb="2" eb="4">
      <t>バンゴウ</t>
    </rPh>
    <phoneticPr fontId="2"/>
  </si>
  <si>
    <t>所在地</t>
    <rPh sb="0" eb="3">
      <t>ショザイチ</t>
    </rPh>
    <phoneticPr fontId="2"/>
  </si>
  <si>
    <t>電話番号</t>
    <rPh sb="0" eb="2">
      <t>デンワ</t>
    </rPh>
    <rPh sb="2" eb="4">
      <t>バンゴウ</t>
    </rPh>
    <phoneticPr fontId="2"/>
  </si>
  <si>
    <t>設置主体</t>
    <rPh sb="0" eb="2">
      <t>セッチ</t>
    </rPh>
    <rPh sb="2" eb="4">
      <t>シュタイ</t>
    </rPh>
    <phoneticPr fontId="2"/>
  </si>
  <si>
    <t>経営主体</t>
    <rPh sb="0" eb="2">
      <t>ケイエイ</t>
    </rPh>
    <rPh sb="2" eb="4">
      <t>シュタイ</t>
    </rPh>
    <phoneticPr fontId="2"/>
  </si>
  <si>
    <t>松江</t>
    <rPh sb="0" eb="2">
      <t>マツエ</t>
    </rPh>
    <phoneticPr fontId="2"/>
  </si>
  <si>
    <t>慈光苑</t>
    <rPh sb="0" eb="1">
      <t>ジ</t>
    </rPh>
    <rPh sb="1" eb="2">
      <t>コウ</t>
    </rPh>
    <rPh sb="2" eb="3">
      <t>エン</t>
    </rPh>
    <phoneticPr fontId="2"/>
  </si>
  <si>
    <t>松江市島根町大芦５７０７</t>
    <rPh sb="0" eb="3">
      <t>マツエシ</t>
    </rPh>
    <rPh sb="3" eb="6">
      <t>シマネチョウ</t>
    </rPh>
    <rPh sb="6" eb="7">
      <t>ダイ</t>
    </rPh>
    <rPh sb="7" eb="8">
      <t>アシ</t>
    </rPh>
    <phoneticPr fontId="2"/>
  </si>
  <si>
    <t>安来</t>
    <rPh sb="0" eb="2">
      <t>ヤスギ</t>
    </rPh>
    <phoneticPr fontId="2"/>
  </si>
  <si>
    <t>鴨来荘</t>
    <rPh sb="0" eb="1">
      <t>カモ</t>
    </rPh>
    <rPh sb="1" eb="2">
      <t>ク</t>
    </rPh>
    <rPh sb="2" eb="3">
      <t>ソウ</t>
    </rPh>
    <phoneticPr fontId="2"/>
  </si>
  <si>
    <t>安来市月坂町５６３</t>
    <rPh sb="0" eb="3">
      <t>ヤスギシ</t>
    </rPh>
    <rPh sb="3" eb="4">
      <t>ツキ</t>
    </rPh>
    <rPh sb="4" eb="5">
      <t>サカ</t>
    </rPh>
    <rPh sb="5" eb="6">
      <t>マチ</t>
    </rPh>
    <phoneticPr fontId="2"/>
  </si>
  <si>
    <t>安来市</t>
    <rPh sb="0" eb="3">
      <t>ヤスギシ</t>
    </rPh>
    <phoneticPr fontId="2"/>
  </si>
  <si>
    <t>雲南</t>
    <rPh sb="0" eb="2">
      <t>ウンナン</t>
    </rPh>
    <phoneticPr fontId="2"/>
  </si>
  <si>
    <t>宇寿荘</t>
    <rPh sb="0" eb="1">
      <t>ウ</t>
    </rPh>
    <rPh sb="1" eb="2">
      <t>コトブキ</t>
    </rPh>
    <rPh sb="2" eb="3">
      <t>ソウ</t>
    </rPh>
    <phoneticPr fontId="2"/>
  </si>
  <si>
    <t>699-1106</t>
    <phoneticPr fontId="2"/>
  </si>
  <si>
    <t>雲南市加茂町加茂中９２８</t>
    <rPh sb="0" eb="3">
      <t>ウンナンシ</t>
    </rPh>
    <rPh sb="3" eb="6">
      <t>カモチョウ</t>
    </rPh>
    <rPh sb="6" eb="8">
      <t>カモ</t>
    </rPh>
    <rPh sb="8" eb="9">
      <t>チュウ</t>
    </rPh>
    <phoneticPr fontId="2"/>
  </si>
  <si>
    <t>玉峰苑</t>
    <rPh sb="0" eb="1">
      <t>タマ</t>
    </rPh>
    <rPh sb="1" eb="2">
      <t>ミネ</t>
    </rPh>
    <rPh sb="2" eb="3">
      <t>エン</t>
    </rPh>
    <phoneticPr fontId="2"/>
  </si>
  <si>
    <t>琴引の里</t>
    <rPh sb="0" eb="1">
      <t>コト</t>
    </rPh>
    <rPh sb="1" eb="2">
      <t>ビ</t>
    </rPh>
    <rPh sb="3" eb="4">
      <t>サト</t>
    </rPh>
    <phoneticPr fontId="2"/>
  </si>
  <si>
    <t>出雲</t>
    <rPh sb="0" eb="2">
      <t>イズモ</t>
    </rPh>
    <phoneticPr fontId="2"/>
  </si>
  <si>
    <t>長浜和光園</t>
    <rPh sb="0" eb="2">
      <t>ナガハマ</t>
    </rPh>
    <rPh sb="2" eb="3">
      <t>ワ</t>
    </rPh>
    <rPh sb="3" eb="4">
      <t>コウ</t>
    </rPh>
    <rPh sb="4" eb="5">
      <t>エン</t>
    </rPh>
    <phoneticPr fontId="2"/>
  </si>
  <si>
    <t>出雲市西園町４０１５</t>
    <rPh sb="0" eb="3">
      <t>イズモシ</t>
    </rPh>
    <rPh sb="3" eb="4">
      <t>ニシ</t>
    </rPh>
    <rPh sb="4" eb="5">
      <t>エン</t>
    </rPh>
    <rPh sb="5" eb="6">
      <t>チョウ</t>
    </rPh>
    <phoneticPr fontId="2"/>
  </si>
  <si>
    <t>かんなび園</t>
    <rPh sb="4" eb="5">
      <t>エン</t>
    </rPh>
    <phoneticPr fontId="2"/>
  </si>
  <si>
    <t>大田</t>
    <rPh sb="0" eb="2">
      <t>オオダ</t>
    </rPh>
    <phoneticPr fontId="2"/>
  </si>
  <si>
    <t>大田市福寿園</t>
    <rPh sb="0" eb="3">
      <t>オオダシ</t>
    </rPh>
    <rPh sb="3" eb="5">
      <t>フクジュ</t>
    </rPh>
    <rPh sb="5" eb="6">
      <t>エン</t>
    </rPh>
    <phoneticPr fontId="2"/>
  </si>
  <si>
    <t>邑智</t>
    <rPh sb="0" eb="2">
      <t>オオチ</t>
    </rPh>
    <phoneticPr fontId="2"/>
  </si>
  <si>
    <t>江川荘</t>
    <rPh sb="0" eb="2">
      <t>エガワ</t>
    </rPh>
    <rPh sb="2" eb="3">
      <t>ソウ</t>
    </rPh>
    <phoneticPr fontId="2"/>
  </si>
  <si>
    <t>邑智郡川本町大字因原５１８－１</t>
    <rPh sb="0" eb="2">
      <t>オオチ</t>
    </rPh>
    <rPh sb="2" eb="3">
      <t>グン</t>
    </rPh>
    <rPh sb="3" eb="5">
      <t>カワモト</t>
    </rPh>
    <rPh sb="5" eb="6">
      <t>チョウ</t>
    </rPh>
    <rPh sb="6" eb="7">
      <t>オオアナ</t>
    </rPh>
    <rPh sb="7" eb="8">
      <t>ジ</t>
    </rPh>
    <rPh sb="8" eb="10">
      <t>インバラ</t>
    </rPh>
    <phoneticPr fontId="2"/>
  </si>
  <si>
    <t>まほろば大和</t>
    <rPh sb="4" eb="6">
      <t>ダイワ</t>
    </rPh>
    <phoneticPr fontId="2"/>
  </si>
  <si>
    <t>邑智郡美郷町都賀本郷１５８－１</t>
    <rPh sb="0" eb="2">
      <t>オオチ</t>
    </rPh>
    <rPh sb="2" eb="3">
      <t>グン</t>
    </rPh>
    <rPh sb="3" eb="5">
      <t>ミサト</t>
    </rPh>
    <rPh sb="5" eb="6">
      <t>チョウ</t>
    </rPh>
    <rPh sb="6" eb="8">
      <t>ツガ</t>
    </rPh>
    <rPh sb="8" eb="10">
      <t>ホンゴウ</t>
    </rPh>
    <phoneticPr fontId="2"/>
  </si>
  <si>
    <t>香梅苑</t>
    <rPh sb="0" eb="1">
      <t>カオ</t>
    </rPh>
    <rPh sb="1" eb="2">
      <t>バイ</t>
    </rPh>
    <rPh sb="2" eb="3">
      <t>エン</t>
    </rPh>
    <phoneticPr fontId="2"/>
  </si>
  <si>
    <t>邑智郡邑南町矢上３４７</t>
    <rPh sb="0" eb="3">
      <t>オオチグン</t>
    </rPh>
    <rPh sb="3" eb="4">
      <t>オオチ</t>
    </rPh>
    <rPh sb="4" eb="5">
      <t>ミナミ</t>
    </rPh>
    <rPh sb="5" eb="6">
      <t>チョウ</t>
    </rPh>
    <rPh sb="6" eb="7">
      <t>ヤ</t>
    </rPh>
    <rPh sb="7" eb="8">
      <t>カミ</t>
    </rPh>
    <phoneticPr fontId="2"/>
  </si>
  <si>
    <t>0855-95-2777</t>
    <phoneticPr fontId="2"/>
  </si>
  <si>
    <t>0855-95-3275</t>
    <phoneticPr fontId="2"/>
  </si>
  <si>
    <t>浜田</t>
    <rPh sb="0" eb="2">
      <t>ハマダ</t>
    </rPh>
    <phoneticPr fontId="2"/>
  </si>
  <si>
    <t>松風園</t>
    <rPh sb="0" eb="2">
      <t>ショウフウ</t>
    </rPh>
    <rPh sb="2" eb="3">
      <t>エン</t>
    </rPh>
    <phoneticPr fontId="2"/>
  </si>
  <si>
    <t>浜田市西村町１０３１－１</t>
    <rPh sb="0" eb="3">
      <t>ハマダシ</t>
    </rPh>
    <rPh sb="3" eb="5">
      <t>ニシムラ</t>
    </rPh>
    <rPh sb="5" eb="6">
      <t>チョウ</t>
    </rPh>
    <phoneticPr fontId="2"/>
  </si>
  <si>
    <t>ミレ青山</t>
    <rPh sb="2" eb="4">
      <t>アオヤマ</t>
    </rPh>
    <phoneticPr fontId="2"/>
  </si>
  <si>
    <t>江津市二宮町神主１９６４－３１</t>
    <rPh sb="0" eb="3">
      <t>ゴウツシ</t>
    </rPh>
    <rPh sb="3" eb="5">
      <t>ニノミヤ</t>
    </rPh>
    <rPh sb="5" eb="6">
      <t>チョウ</t>
    </rPh>
    <rPh sb="6" eb="8">
      <t>カンヌシ</t>
    </rPh>
    <phoneticPr fontId="2"/>
  </si>
  <si>
    <t>長寿苑</t>
    <rPh sb="0" eb="2">
      <t>チョウジュ</t>
    </rPh>
    <rPh sb="2" eb="3">
      <t>エン</t>
    </rPh>
    <phoneticPr fontId="2"/>
  </si>
  <si>
    <t>浜田市旭町今市１０３９</t>
    <rPh sb="0" eb="3">
      <t>ハマダシ</t>
    </rPh>
    <rPh sb="3" eb="4">
      <t>アサヒ</t>
    </rPh>
    <rPh sb="4" eb="5">
      <t>マチ</t>
    </rPh>
    <rPh sb="5" eb="7">
      <t>イマイチ</t>
    </rPh>
    <phoneticPr fontId="2"/>
  </si>
  <si>
    <t>寿光苑</t>
    <rPh sb="0" eb="1">
      <t>ジュ</t>
    </rPh>
    <rPh sb="1" eb="2">
      <t>コウ</t>
    </rPh>
    <rPh sb="2" eb="3">
      <t>エン</t>
    </rPh>
    <phoneticPr fontId="2"/>
  </si>
  <si>
    <t>浜田市弥栄町長安本郷４４２－２</t>
    <rPh sb="0" eb="3">
      <t>ハマダシ</t>
    </rPh>
    <rPh sb="3" eb="5">
      <t>ヤサカ</t>
    </rPh>
    <rPh sb="5" eb="6">
      <t>マチ</t>
    </rPh>
    <rPh sb="6" eb="8">
      <t>チョウアン</t>
    </rPh>
    <rPh sb="8" eb="10">
      <t>ホンゴウ</t>
    </rPh>
    <phoneticPr fontId="2"/>
  </si>
  <si>
    <t>ミレ岡見</t>
    <rPh sb="2" eb="4">
      <t>オカミ</t>
    </rPh>
    <phoneticPr fontId="2"/>
  </si>
  <si>
    <t>浜田市三隅町岡見７００</t>
    <rPh sb="0" eb="3">
      <t>ハマダシ</t>
    </rPh>
    <rPh sb="3" eb="6">
      <t>ミスミチョウ</t>
    </rPh>
    <rPh sb="6" eb="8">
      <t>オカミ</t>
    </rPh>
    <phoneticPr fontId="2"/>
  </si>
  <si>
    <t>益田</t>
    <rPh sb="0" eb="2">
      <t>マスダ</t>
    </rPh>
    <phoneticPr fontId="2"/>
  </si>
  <si>
    <t>益田市立</t>
    <rPh sb="0" eb="3">
      <t>マスダシ</t>
    </rPh>
    <rPh sb="3" eb="4">
      <t>チョウリツ</t>
    </rPh>
    <phoneticPr fontId="2"/>
  </si>
  <si>
    <t>益田市美都町都茂１８７１－２</t>
    <rPh sb="0" eb="3">
      <t>マスダシ</t>
    </rPh>
    <rPh sb="3" eb="6">
      <t>ミトチョウ</t>
    </rPh>
    <rPh sb="6" eb="7">
      <t>ツ</t>
    </rPh>
    <rPh sb="7" eb="8">
      <t>モ</t>
    </rPh>
    <phoneticPr fontId="2"/>
  </si>
  <si>
    <t>益田市</t>
    <rPh sb="0" eb="3">
      <t>マスダシ</t>
    </rPh>
    <phoneticPr fontId="2"/>
  </si>
  <si>
    <t>老人ホーム春日荘</t>
    <rPh sb="0" eb="2">
      <t>ロウジン</t>
    </rPh>
    <rPh sb="5" eb="7">
      <t>カスガ</t>
    </rPh>
    <rPh sb="7" eb="8">
      <t>ソウ</t>
    </rPh>
    <phoneticPr fontId="2"/>
  </si>
  <si>
    <t>銀杏寮</t>
    <rPh sb="0" eb="2">
      <t>ギンナン</t>
    </rPh>
    <rPh sb="2" eb="3">
      <t>リョウ</t>
    </rPh>
    <phoneticPr fontId="2"/>
  </si>
  <si>
    <t>鹿足郡吉賀町六日市２６３</t>
    <rPh sb="0" eb="1">
      <t>シカ</t>
    </rPh>
    <rPh sb="1" eb="2">
      <t>アシ</t>
    </rPh>
    <rPh sb="2" eb="3">
      <t>グン</t>
    </rPh>
    <rPh sb="3" eb="6">
      <t>ヨシカチョウ</t>
    </rPh>
    <rPh sb="6" eb="9">
      <t>ムイカイチ</t>
    </rPh>
    <phoneticPr fontId="2"/>
  </si>
  <si>
    <t>隠岐</t>
    <rPh sb="0" eb="2">
      <t>オキ</t>
    </rPh>
    <phoneticPr fontId="2"/>
  </si>
  <si>
    <t>みゆき荘</t>
    <rPh sb="3" eb="4">
      <t>ソウ</t>
    </rPh>
    <phoneticPr fontId="2"/>
  </si>
  <si>
    <t>隠岐郡西ノ島町大字美田３０７８－１９</t>
    <rPh sb="0" eb="3">
      <t>オキグン</t>
    </rPh>
    <rPh sb="3" eb="4">
      <t>ニシ</t>
    </rPh>
    <rPh sb="5" eb="6">
      <t>シマ</t>
    </rPh>
    <rPh sb="6" eb="7">
      <t>チョウ</t>
    </rPh>
    <rPh sb="7" eb="8">
      <t>オオキ</t>
    </rPh>
    <rPh sb="8" eb="9">
      <t>ジ</t>
    </rPh>
    <rPh sb="9" eb="11">
      <t>ミタ</t>
    </rPh>
    <phoneticPr fontId="2"/>
  </si>
  <si>
    <t>西ノ島町</t>
    <rPh sb="0" eb="1">
      <t>ニシ</t>
    </rPh>
    <rPh sb="2" eb="3">
      <t>シマ</t>
    </rPh>
    <rPh sb="3" eb="4">
      <t>マチ</t>
    </rPh>
    <phoneticPr fontId="2"/>
  </si>
  <si>
    <t>百寿荘</t>
    <rPh sb="0" eb="1">
      <t>ヒャク</t>
    </rPh>
    <rPh sb="1" eb="2">
      <t>ジュ</t>
    </rPh>
    <rPh sb="2" eb="3">
      <t>ソウ</t>
    </rPh>
    <phoneticPr fontId="2"/>
  </si>
  <si>
    <t>隠岐郡隠岐の島町栄町１０９１</t>
    <rPh sb="0" eb="2">
      <t>オキグン</t>
    </rPh>
    <rPh sb="2" eb="3">
      <t>グン</t>
    </rPh>
    <rPh sb="3" eb="5">
      <t>オキ</t>
    </rPh>
    <rPh sb="6" eb="7">
      <t>シマ</t>
    </rPh>
    <rPh sb="7" eb="8">
      <t>チョウ</t>
    </rPh>
    <rPh sb="8" eb="10">
      <t>サカエマチ</t>
    </rPh>
    <phoneticPr fontId="2"/>
  </si>
  <si>
    <t>08512-2-1197</t>
    <phoneticPr fontId="2"/>
  </si>
  <si>
    <t>08512-2-5349</t>
    <phoneticPr fontId="2"/>
  </si>
  <si>
    <t>清松園</t>
    <rPh sb="0" eb="1">
      <t>セイ</t>
    </rPh>
    <rPh sb="1" eb="2">
      <t>マツ</t>
    </rPh>
    <rPh sb="2" eb="3">
      <t>エン</t>
    </rPh>
    <phoneticPr fontId="2"/>
  </si>
  <si>
    <t>隠岐の島町</t>
    <rPh sb="0" eb="4">
      <t>オキノシマ</t>
    </rPh>
    <rPh sb="4" eb="5">
      <t>チョウ</t>
    </rPh>
    <phoneticPr fontId="2"/>
  </si>
  <si>
    <t>690-0402</t>
    <phoneticPr fontId="2"/>
  </si>
  <si>
    <t>0852-85-3555</t>
    <phoneticPr fontId="2"/>
  </si>
  <si>
    <t>0852-85-9030</t>
    <phoneticPr fontId="2"/>
  </si>
  <si>
    <t>692-0013</t>
    <phoneticPr fontId="2"/>
  </si>
  <si>
    <t>0854-22-2877</t>
    <phoneticPr fontId="2"/>
  </si>
  <si>
    <t>0854-22-2884</t>
    <phoneticPr fontId="2"/>
  </si>
  <si>
    <t>0854-49-7228</t>
    <phoneticPr fontId="2"/>
  </si>
  <si>
    <t>0854-49-8060</t>
    <phoneticPr fontId="2"/>
  </si>
  <si>
    <t>699-1701</t>
    <phoneticPr fontId="2"/>
  </si>
  <si>
    <t>0854-57-0101</t>
    <phoneticPr fontId="2"/>
  </si>
  <si>
    <t>0854-57-0107</t>
    <phoneticPr fontId="2"/>
  </si>
  <si>
    <t>0854-72-0800</t>
    <phoneticPr fontId="2"/>
  </si>
  <si>
    <t>0854-72-1011</t>
    <phoneticPr fontId="2"/>
  </si>
  <si>
    <t>693-0041</t>
    <phoneticPr fontId="2"/>
  </si>
  <si>
    <t>0853-28-0033</t>
    <phoneticPr fontId="2"/>
  </si>
  <si>
    <t>0853-28-0024</t>
    <phoneticPr fontId="2"/>
  </si>
  <si>
    <t>699-0624</t>
    <phoneticPr fontId="2"/>
  </si>
  <si>
    <t>0853-72-0009</t>
    <phoneticPr fontId="2"/>
  </si>
  <si>
    <t>0853-72-4030</t>
    <phoneticPr fontId="2"/>
  </si>
  <si>
    <t>694-0011</t>
    <phoneticPr fontId="2"/>
  </si>
  <si>
    <t>0854-82-0291</t>
    <phoneticPr fontId="2"/>
  </si>
  <si>
    <t>0854-82-0388</t>
    <phoneticPr fontId="2"/>
  </si>
  <si>
    <t>696-0003</t>
    <phoneticPr fontId="2"/>
  </si>
  <si>
    <t>0855-72-1316</t>
    <phoneticPr fontId="2"/>
  </si>
  <si>
    <t>0855-72-1666</t>
    <phoneticPr fontId="2"/>
  </si>
  <si>
    <t>696-0704</t>
    <phoneticPr fontId="2"/>
  </si>
  <si>
    <t>0855-82-2163</t>
    <phoneticPr fontId="2"/>
  </si>
  <si>
    <t>0855-82-2170</t>
    <phoneticPr fontId="2"/>
  </si>
  <si>
    <t>696-0103</t>
    <phoneticPr fontId="2"/>
  </si>
  <si>
    <t>697-1337</t>
    <phoneticPr fontId="2"/>
  </si>
  <si>
    <t>0855-27-1025</t>
    <phoneticPr fontId="2"/>
  </si>
  <si>
    <t>0855-27-1097</t>
    <phoneticPr fontId="2"/>
  </si>
  <si>
    <t>695-0024</t>
    <phoneticPr fontId="2"/>
  </si>
  <si>
    <t>0855-54-3100</t>
    <phoneticPr fontId="2"/>
  </si>
  <si>
    <t>0855-54-3101</t>
    <phoneticPr fontId="2"/>
  </si>
  <si>
    <t>697-0425</t>
    <phoneticPr fontId="2"/>
  </si>
  <si>
    <t>0855-45-0181</t>
    <phoneticPr fontId="2"/>
  </si>
  <si>
    <t>0855-45-0978</t>
    <phoneticPr fontId="2"/>
  </si>
  <si>
    <t>697-1211</t>
    <phoneticPr fontId="2"/>
  </si>
  <si>
    <t>0855-48-2150</t>
    <phoneticPr fontId="2"/>
  </si>
  <si>
    <t>0855-48-2956</t>
    <phoneticPr fontId="2"/>
  </si>
  <si>
    <t>699-3226</t>
    <phoneticPr fontId="2"/>
  </si>
  <si>
    <t>0855-32-3900</t>
    <phoneticPr fontId="2"/>
  </si>
  <si>
    <t>0855-32-3910</t>
    <phoneticPr fontId="2"/>
  </si>
  <si>
    <t>699-5132</t>
    <phoneticPr fontId="2"/>
  </si>
  <si>
    <t>0856-25-2408</t>
    <phoneticPr fontId="2"/>
  </si>
  <si>
    <t>0856-25-2413</t>
    <phoneticPr fontId="2"/>
  </si>
  <si>
    <t>698-0203</t>
    <phoneticPr fontId="2"/>
  </si>
  <si>
    <t>0856-52-2338</t>
    <phoneticPr fontId="2"/>
  </si>
  <si>
    <t>0856-52-2370</t>
    <phoneticPr fontId="2"/>
  </si>
  <si>
    <t>699-5513</t>
    <phoneticPr fontId="2"/>
  </si>
  <si>
    <t>0856-77-0234</t>
    <phoneticPr fontId="2"/>
  </si>
  <si>
    <t>0856-77-1863</t>
    <phoneticPr fontId="2"/>
  </si>
  <si>
    <t>684-0303</t>
    <phoneticPr fontId="2"/>
  </si>
  <si>
    <t>08514-6-0150</t>
    <phoneticPr fontId="2"/>
  </si>
  <si>
    <t>08514-6-1978</t>
    <phoneticPr fontId="2"/>
  </si>
  <si>
    <t>685-0011</t>
    <phoneticPr fontId="2"/>
  </si>
  <si>
    <t xml:space="preserve"> 685-0311</t>
    <phoneticPr fontId="2"/>
  </si>
  <si>
    <t>08512-5-2183</t>
    <phoneticPr fontId="2"/>
  </si>
  <si>
    <t>08512-5-3150</t>
    <phoneticPr fontId="2"/>
  </si>
  <si>
    <t>鹿足郡
養護老人ホーム組合</t>
    <rPh sb="0" eb="3">
      <t>カノアシグン</t>
    </rPh>
    <rPh sb="4" eb="6">
      <t>ヨウゴ</t>
    </rPh>
    <phoneticPr fontId="2"/>
  </si>
  <si>
    <r>
      <t>社福</t>
    </r>
    <r>
      <rPr>
        <sz val="12"/>
        <rFont val="ＭＳ Ｐ明朝"/>
        <family val="1"/>
        <charset val="128"/>
      </rPr>
      <t>大田市社会福祉事業団</t>
    </r>
    <rPh sb="0" eb="1">
      <t>シャ</t>
    </rPh>
    <rPh sb="1" eb="2">
      <t>フク</t>
    </rPh>
    <rPh sb="2" eb="5">
      <t>オオダシ</t>
    </rPh>
    <rPh sb="5" eb="7">
      <t>シャカイ</t>
    </rPh>
    <rPh sb="7" eb="9">
      <t>フクシ</t>
    </rPh>
    <rPh sb="9" eb="12">
      <t>ジギョウダン</t>
    </rPh>
    <phoneticPr fontId="2"/>
  </si>
  <si>
    <r>
      <t>社福</t>
    </r>
    <r>
      <rPr>
        <sz val="12"/>
        <rFont val="ＭＳ Ｐ明朝"/>
        <family val="1"/>
        <charset val="128"/>
      </rPr>
      <t>隠岐共生学園</t>
    </r>
    <rPh sb="0" eb="1">
      <t>シャ</t>
    </rPh>
    <rPh sb="1" eb="2">
      <t>フク</t>
    </rPh>
    <rPh sb="2" eb="4">
      <t>オキ</t>
    </rPh>
    <rPh sb="4" eb="6">
      <t>キョウセイ</t>
    </rPh>
    <rPh sb="6" eb="8">
      <t>ガクエン</t>
    </rPh>
    <phoneticPr fontId="2"/>
  </si>
  <si>
    <r>
      <t>社福</t>
    </r>
    <r>
      <rPr>
        <sz val="12"/>
        <rFont val="ＭＳ Ｐ明朝"/>
        <family val="1"/>
        <charset val="128"/>
      </rPr>
      <t>山陰家庭学院</t>
    </r>
    <rPh sb="0" eb="1">
      <t>シャ</t>
    </rPh>
    <rPh sb="1" eb="2">
      <t>フク</t>
    </rPh>
    <rPh sb="2" eb="4">
      <t>サンイン</t>
    </rPh>
    <rPh sb="4" eb="6">
      <t>カテイ</t>
    </rPh>
    <rPh sb="6" eb="8">
      <t>ガクイン</t>
    </rPh>
    <phoneticPr fontId="2"/>
  </si>
  <si>
    <r>
      <t>社福</t>
    </r>
    <r>
      <rPr>
        <sz val="12"/>
        <rFont val="ＭＳ Ｐ明朝"/>
        <family val="1"/>
        <charset val="128"/>
      </rPr>
      <t>やすぎ福祉会</t>
    </r>
    <rPh sb="0" eb="1">
      <t>シャ</t>
    </rPh>
    <rPh sb="1" eb="2">
      <t>フク</t>
    </rPh>
    <rPh sb="5" eb="8">
      <t>フクシカイ</t>
    </rPh>
    <phoneticPr fontId="2"/>
  </si>
  <si>
    <r>
      <t>社福</t>
    </r>
    <r>
      <rPr>
        <sz val="12"/>
        <rFont val="ＭＳ Ｐ明朝"/>
        <family val="1"/>
        <charset val="128"/>
      </rPr>
      <t>かも福祉会</t>
    </r>
    <rPh sb="0" eb="1">
      <t>シャ</t>
    </rPh>
    <rPh sb="1" eb="2">
      <t>フク</t>
    </rPh>
    <rPh sb="4" eb="7">
      <t>フクシカイ</t>
    </rPh>
    <phoneticPr fontId="2"/>
  </si>
  <si>
    <r>
      <t>社福</t>
    </r>
    <r>
      <rPr>
        <sz val="12"/>
        <rFont val="ＭＳ Ｐ明朝"/>
        <family val="1"/>
        <charset val="128"/>
      </rPr>
      <t>仁多福祉会</t>
    </r>
    <rPh sb="0" eb="1">
      <t>シャ</t>
    </rPh>
    <rPh sb="1" eb="2">
      <t>フク</t>
    </rPh>
    <rPh sb="2" eb="3">
      <t>ジン</t>
    </rPh>
    <rPh sb="3" eb="4">
      <t>オオ</t>
    </rPh>
    <rPh sb="4" eb="7">
      <t>フクシカイ</t>
    </rPh>
    <phoneticPr fontId="2"/>
  </si>
  <si>
    <r>
      <t>社福</t>
    </r>
    <r>
      <rPr>
        <sz val="12"/>
        <rFont val="ＭＳ Ｐ明朝"/>
        <family val="1"/>
        <charset val="128"/>
      </rPr>
      <t>友愛会</t>
    </r>
    <rPh sb="0" eb="1">
      <t>シャ</t>
    </rPh>
    <rPh sb="1" eb="2">
      <t>フク</t>
    </rPh>
    <rPh sb="2" eb="4">
      <t>ユウアイ</t>
    </rPh>
    <rPh sb="4" eb="5">
      <t>カイ</t>
    </rPh>
    <phoneticPr fontId="2"/>
  </si>
  <si>
    <r>
      <t>社福</t>
    </r>
    <r>
      <rPr>
        <sz val="12"/>
        <rFont val="ＭＳ Ｐ明朝"/>
        <family val="1"/>
        <charset val="128"/>
      </rPr>
      <t>古平田和光会</t>
    </r>
    <rPh sb="0" eb="1">
      <t>シャ</t>
    </rPh>
    <rPh sb="1" eb="2">
      <t>フク</t>
    </rPh>
    <rPh sb="2" eb="3">
      <t>コ</t>
    </rPh>
    <rPh sb="3" eb="4">
      <t>ヘイ</t>
    </rPh>
    <rPh sb="4" eb="5">
      <t>タ</t>
    </rPh>
    <rPh sb="5" eb="7">
      <t>ワコウ</t>
    </rPh>
    <rPh sb="7" eb="8">
      <t>カイ</t>
    </rPh>
    <phoneticPr fontId="2"/>
  </si>
  <si>
    <r>
      <t>社福</t>
    </r>
    <r>
      <rPr>
        <sz val="12"/>
        <rFont val="ＭＳ Ｐ明朝"/>
        <family val="1"/>
        <charset val="128"/>
      </rPr>
      <t>島根ライトハウス</t>
    </r>
    <rPh sb="0" eb="1">
      <t>シャ</t>
    </rPh>
    <rPh sb="1" eb="2">
      <t>フク</t>
    </rPh>
    <rPh sb="2" eb="4">
      <t>シマネ</t>
    </rPh>
    <phoneticPr fontId="2"/>
  </si>
  <si>
    <r>
      <t>社福</t>
    </r>
    <r>
      <rPr>
        <sz val="12"/>
        <rFont val="ＭＳ Ｐ明朝"/>
        <family val="1"/>
        <charset val="128"/>
      </rPr>
      <t>川本福祉会</t>
    </r>
    <rPh sb="0" eb="1">
      <t>シャ</t>
    </rPh>
    <rPh sb="1" eb="2">
      <t>フク</t>
    </rPh>
    <rPh sb="2" eb="4">
      <t>カワモト</t>
    </rPh>
    <rPh sb="4" eb="6">
      <t>フクシ</t>
    </rPh>
    <rPh sb="6" eb="7">
      <t>カイ</t>
    </rPh>
    <phoneticPr fontId="2"/>
  </si>
  <si>
    <r>
      <t>社福</t>
    </r>
    <r>
      <rPr>
        <sz val="12"/>
        <rFont val="ＭＳ Ｐ明朝"/>
        <family val="1"/>
        <charset val="128"/>
      </rPr>
      <t>吾郷会</t>
    </r>
    <rPh sb="0" eb="1">
      <t>シャ</t>
    </rPh>
    <rPh sb="1" eb="2">
      <t>フク</t>
    </rPh>
    <rPh sb="2" eb="3">
      <t>ゴ</t>
    </rPh>
    <rPh sb="3" eb="4">
      <t>ゴウ</t>
    </rPh>
    <rPh sb="4" eb="5">
      <t>カイ</t>
    </rPh>
    <phoneticPr fontId="2"/>
  </si>
  <si>
    <r>
      <t>社福</t>
    </r>
    <r>
      <rPr>
        <sz val="12"/>
        <rFont val="ＭＳ Ｐ明朝"/>
        <family val="1"/>
        <charset val="128"/>
      </rPr>
      <t>石見さくら会</t>
    </r>
    <rPh sb="0" eb="1">
      <t>シャ</t>
    </rPh>
    <rPh sb="1" eb="2">
      <t>フク</t>
    </rPh>
    <rPh sb="2" eb="4">
      <t>イワミ</t>
    </rPh>
    <rPh sb="7" eb="8">
      <t>カイ</t>
    </rPh>
    <phoneticPr fontId="2"/>
  </si>
  <si>
    <r>
      <t>社福</t>
    </r>
    <r>
      <rPr>
        <sz val="12"/>
        <rFont val="ＭＳ Ｐ明朝"/>
        <family val="1"/>
        <charset val="128"/>
      </rPr>
      <t>たいま山秀峰会</t>
    </r>
    <rPh sb="0" eb="1">
      <t>シャ</t>
    </rPh>
    <rPh sb="1" eb="2">
      <t>フク</t>
    </rPh>
    <rPh sb="5" eb="6">
      <t>ヤマ</t>
    </rPh>
    <rPh sb="6" eb="7">
      <t>ヒデ</t>
    </rPh>
    <rPh sb="7" eb="8">
      <t>ミネ</t>
    </rPh>
    <rPh sb="8" eb="9">
      <t>カイ</t>
    </rPh>
    <phoneticPr fontId="2"/>
  </si>
  <si>
    <r>
      <t>社福</t>
    </r>
    <r>
      <rPr>
        <sz val="12"/>
        <rFont val="ＭＳ Ｐ明朝"/>
        <family val="1"/>
        <charset val="128"/>
      </rPr>
      <t>いわみ福祉会</t>
    </r>
    <rPh sb="0" eb="1">
      <t>シャ</t>
    </rPh>
    <rPh sb="1" eb="2">
      <t>フク</t>
    </rPh>
    <rPh sb="5" eb="7">
      <t>フクシ</t>
    </rPh>
    <rPh sb="7" eb="8">
      <t>カイ</t>
    </rPh>
    <phoneticPr fontId="2"/>
  </si>
  <si>
    <r>
      <t>社福</t>
    </r>
    <r>
      <rPr>
        <sz val="12"/>
        <rFont val="ＭＳ Ｐ明朝"/>
        <family val="1"/>
        <charset val="128"/>
      </rPr>
      <t>旭豊福祉会</t>
    </r>
    <rPh sb="0" eb="1">
      <t>シャ</t>
    </rPh>
    <rPh sb="1" eb="2">
      <t>フク</t>
    </rPh>
    <rPh sb="2" eb="3">
      <t>アサヒ</t>
    </rPh>
    <rPh sb="3" eb="4">
      <t>ユタカ</t>
    </rPh>
    <rPh sb="4" eb="7">
      <t>フクシカイ</t>
    </rPh>
    <phoneticPr fontId="2"/>
  </si>
  <si>
    <r>
      <t>社福</t>
    </r>
    <r>
      <rPr>
        <sz val="12"/>
        <rFont val="ＭＳ Ｐ明朝"/>
        <family val="1"/>
        <charset val="128"/>
      </rPr>
      <t>弥栄福祉会</t>
    </r>
    <rPh sb="0" eb="1">
      <t>シャ</t>
    </rPh>
    <rPh sb="1" eb="2">
      <t>フク</t>
    </rPh>
    <rPh sb="2" eb="4">
      <t>ヤサカ</t>
    </rPh>
    <rPh sb="4" eb="6">
      <t>フクシ</t>
    </rPh>
    <rPh sb="6" eb="7">
      <t>カイ</t>
    </rPh>
    <phoneticPr fontId="2"/>
  </si>
  <si>
    <r>
      <t>社福</t>
    </r>
    <r>
      <rPr>
        <sz val="12"/>
        <rFont val="ＭＳ Ｐ明朝"/>
        <family val="1"/>
        <charset val="128"/>
      </rPr>
      <t>希望の里福祉会</t>
    </r>
    <rPh sb="0" eb="2">
      <t>シャフク</t>
    </rPh>
    <rPh sb="2" eb="4">
      <t>キボウ</t>
    </rPh>
    <rPh sb="5" eb="6">
      <t>サト</t>
    </rPh>
    <rPh sb="6" eb="9">
      <t>フクシカイ</t>
    </rPh>
    <phoneticPr fontId="2"/>
  </si>
  <si>
    <r>
      <t>社福</t>
    </r>
    <r>
      <rPr>
        <sz val="12"/>
        <rFont val="ＭＳ Ｐ明朝"/>
        <family val="1"/>
        <charset val="128"/>
      </rPr>
      <t>益田市社協</t>
    </r>
    <rPh sb="0" eb="1">
      <t>シャ</t>
    </rPh>
    <rPh sb="1" eb="2">
      <t>フク</t>
    </rPh>
    <rPh sb="2" eb="5">
      <t>マスダシ</t>
    </rPh>
    <rPh sb="5" eb="7">
      <t>シャキョウ</t>
    </rPh>
    <phoneticPr fontId="2"/>
  </si>
  <si>
    <r>
      <t>社福</t>
    </r>
    <r>
      <rPr>
        <sz val="12"/>
        <rFont val="ＭＳ Ｐ明朝"/>
        <family val="1"/>
        <charset val="128"/>
      </rPr>
      <t>西ノ島福祉会</t>
    </r>
    <rPh sb="0" eb="1">
      <t>シャ</t>
    </rPh>
    <rPh sb="1" eb="2">
      <t>フク</t>
    </rPh>
    <rPh sb="2" eb="3">
      <t>ニシ</t>
    </rPh>
    <rPh sb="4" eb="5">
      <t>シマ</t>
    </rPh>
    <rPh sb="5" eb="8">
      <t>フクシカイ</t>
    </rPh>
    <phoneticPr fontId="2"/>
  </si>
  <si>
    <r>
      <t>社福</t>
    </r>
    <r>
      <rPr>
        <sz val="12"/>
        <rFont val="ＭＳ Ｐ明朝"/>
        <family val="1"/>
        <charset val="128"/>
      </rPr>
      <t>愛宕会</t>
    </r>
    <rPh sb="0" eb="1">
      <t>シャ</t>
    </rPh>
    <rPh sb="1" eb="2">
      <t>フク</t>
    </rPh>
    <rPh sb="2" eb="4">
      <t>アタゴ</t>
    </rPh>
    <rPh sb="4" eb="5">
      <t>カイ</t>
    </rPh>
    <phoneticPr fontId="2"/>
  </si>
  <si>
    <t>690-3207</t>
    <phoneticPr fontId="2"/>
  </si>
  <si>
    <t>飯石郡飯南町頓原２００１</t>
    <rPh sb="0" eb="1">
      <t>メシ</t>
    </rPh>
    <rPh sb="1" eb="2">
      <t>イシ</t>
    </rPh>
    <rPh sb="2" eb="3">
      <t>グン</t>
    </rPh>
    <rPh sb="3" eb="6">
      <t>イイナンチョウ</t>
    </rPh>
    <rPh sb="6" eb="8">
      <t>トンバラ</t>
    </rPh>
    <phoneticPr fontId="2"/>
  </si>
  <si>
    <t>大田市川合町川合２４７７－１</t>
    <rPh sb="0" eb="3">
      <t>オオダシ</t>
    </rPh>
    <rPh sb="3" eb="5">
      <t>カワイ</t>
    </rPh>
    <rPh sb="5" eb="6">
      <t>チョウ</t>
    </rPh>
    <rPh sb="6" eb="8">
      <t>カワイ</t>
    </rPh>
    <phoneticPr fontId="2"/>
  </si>
  <si>
    <t>仁多郡奥出雲町亀嵩１４０１－３</t>
    <rPh sb="0" eb="1">
      <t>ジン</t>
    </rPh>
    <rPh sb="1" eb="2">
      <t>オオ</t>
    </rPh>
    <rPh sb="2" eb="3">
      <t>グン</t>
    </rPh>
    <rPh sb="3" eb="4">
      <t>オク</t>
    </rPh>
    <rPh sb="4" eb="7">
      <t>イズモチョウ</t>
    </rPh>
    <rPh sb="7" eb="9">
      <t>カメダケ</t>
    </rPh>
    <phoneticPr fontId="2"/>
  </si>
  <si>
    <t xml:space="preserve"> 養護老人ホーム一覧</t>
    <rPh sb="1" eb="8">
      <t>ヨウゴ</t>
    </rPh>
    <rPh sb="8" eb="10">
      <t>イチラン</t>
    </rPh>
    <phoneticPr fontId="2"/>
  </si>
  <si>
    <t>花仙</t>
    <rPh sb="0" eb="1">
      <t>ハナ</t>
    </rPh>
    <rPh sb="1" eb="2">
      <t>ヤマト</t>
    </rPh>
    <phoneticPr fontId="2"/>
  </si>
  <si>
    <t>松江市玉湯町湯町１９２４－１</t>
    <rPh sb="0" eb="3">
      <t>マツエシ</t>
    </rPh>
    <rPh sb="3" eb="6">
      <t>タマユチョウ</t>
    </rPh>
    <rPh sb="6" eb="8">
      <t>ユマチ</t>
    </rPh>
    <phoneticPr fontId="2"/>
  </si>
  <si>
    <t>FAX番号</t>
    <rPh sb="3" eb="5">
      <t>バンゴウ</t>
    </rPh>
    <phoneticPr fontId="2"/>
  </si>
  <si>
    <t>699-0202</t>
    <phoneticPr fontId="2"/>
  </si>
  <si>
    <t>0852-62-8500</t>
    <phoneticPr fontId="2"/>
  </si>
  <si>
    <t>0852-62-8504</t>
    <phoneticPr fontId="2"/>
  </si>
  <si>
    <t>出雲市斐川町上直江１８２９－１</t>
    <rPh sb="0" eb="3">
      <t>イズモシ</t>
    </rPh>
    <rPh sb="3" eb="6">
      <t>ヒカワチョウ</t>
    </rPh>
    <rPh sb="6" eb="7">
      <t>カミ</t>
    </rPh>
    <rPh sb="7" eb="9">
      <t>ナオエ</t>
    </rPh>
    <phoneticPr fontId="2"/>
  </si>
  <si>
    <t>隠岐郡隠岐の島町郡５８８-1</t>
    <rPh sb="0" eb="3">
      <t>オキグン</t>
    </rPh>
    <rPh sb="3" eb="5">
      <t>オキ</t>
    </rPh>
    <rPh sb="6" eb="7">
      <t>シマ</t>
    </rPh>
    <rPh sb="7" eb="8">
      <t>チョウ</t>
    </rPh>
    <rPh sb="8" eb="9">
      <t>グン</t>
    </rPh>
    <phoneticPr fontId="2"/>
  </si>
  <si>
    <t>清月の里</t>
    <rPh sb="0" eb="2">
      <t>セイゲツ</t>
    </rPh>
    <rPh sb="3" eb="4">
      <t>サト</t>
    </rPh>
    <phoneticPr fontId="2"/>
  </si>
  <si>
    <t>益田市横田町１７５１－５</t>
    <rPh sb="0" eb="3">
      <t>マスダシ</t>
    </rPh>
    <rPh sb="3" eb="6">
      <t>ヨコタチョウ</t>
    </rPh>
    <phoneticPr fontId="2"/>
  </si>
  <si>
    <t>※網掛けは、特定施設入居者生活介護の指定を受けている養護老人ホーム</t>
    <rPh sb="1" eb="3">
      <t>アミカ</t>
    </rPh>
    <rPh sb="6" eb="8">
      <t>トクテイ</t>
    </rPh>
    <rPh sb="8" eb="10">
      <t>シセツ</t>
    </rPh>
    <rPh sb="10" eb="13">
      <t>ニュウキョシャ</t>
    </rPh>
    <rPh sb="13" eb="15">
      <t>セイカツ</t>
    </rPh>
    <rPh sb="15" eb="17">
      <t>カイゴ</t>
    </rPh>
    <rPh sb="18" eb="20">
      <t>シテイ</t>
    </rPh>
    <rPh sb="21" eb="22">
      <t>ウ</t>
    </rPh>
    <rPh sb="26" eb="33">
      <t>ヨウゴ</t>
    </rPh>
    <phoneticPr fontId="2"/>
  </si>
  <si>
    <t>介護保険サービスの種別</t>
    <rPh sb="0" eb="2">
      <t>カイゴ</t>
    </rPh>
    <rPh sb="2" eb="4">
      <t>ホケン</t>
    </rPh>
    <rPh sb="9" eb="11">
      <t>シュベツ</t>
    </rPh>
    <phoneticPr fontId="2"/>
  </si>
  <si>
    <t>一般型</t>
    <rPh sb="0" eb="3">
      <t>イッパンガタ</t>
    </rPh>
    <phoneticPr fontId="2"/>
  </si>
  <si>
    <t>外部サービス
利用型</t>
    <rPh sb="0" eb="2">
      <t>ガイブ</t>
    </rPh>
    <rPh sb="7" eb="9">
      <t>リヨウ</t>
    </rPh>
    <rPh sb="9" eb="10">
      <t>ガタ</t>
    </rPh>
    <phoneticPr fontId="2"/>
  </si>
  <si>
    <t>平成３１年４月１日現在</t>
    <rPh sb="0" eb="2">
      <t>ヘイセイ</t>
    </rPh>
    <rPh sb="4" eb="5">
      <t>ネン</t>
    </rPh>
    <rPh sb="6" eb="7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10"/>
      <name val="ＭＳ Ｐ明朝"/>
      <family val="1"/>
      <charset val="128"/>
    </font>
    <font>
      <b/>
      <sz val="22"/>
      <name val="ＭＳ Ｐゴシック"/>
      <family val="3"/>
      <charset val="128"/>
    </font>
    <font>
      <sz val="14"/>
      <name val="ＭＳ Ｐゴシック"/>
      <family val="3"/>
      <charset val="128"/>
    </font>
    <font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/>
  </cellStyleXfs>
  <cellXfs count="59">
    <xf numFmtId="0" fontId="0" fillId="0" borderId="0" xfId="0">
      <alignment vertical="center"/>
    </xf>
    <xf numFmtId="0" fontId="1" fillId="0" borderId="0" xfId="2"/>
    <xf numFmtId="0" fontId="1" fillId="0" borderId="0" xfId="2" applyAlignment="1">
      <alignment vertical="center"/>
    </xf>
    <xf numFmtId="0" fontId="1" fillId="0" borderId="0" xfId="2" applyAlignment="1">
      <alignment horizontal="center"/>
    </xf>
    <xf numFmtId="0" fontId="3" fillId="0" borderId="1" xfId="2" applyFont="1" applyBorder="1" applyAlignment="1">
      <alignment horizontal="center" vertical="center" shrinkToFit="1"/>
    </xf>
    <xf numFmtId="0" fontId="3" fillId="0" borderId="2" xfId="2" applyFont="1" applyBorder="1" applyAlignment="1">
      <alignment horizontal="center" vertical="center" shrinkToFit="1"/>
    </xf>
    <xf numFmtId="0" fontId="5" fillId="0" borderId="3" xfId="2" applyFont="1" applyBorder="1" applyAlignment="1">
      <alignment horizontal="center" vertical="center" shrinkToFit="1"/>
    </xf>
    <xf numFmtId="0" fontId="5" fillId="0" borderId="4" xfId="2" applyFont="1" applyBorder="1" applyAlignment="1">
      <alignment horizontal="center" vertical="center" shrinkToFit="1"/>
    </xf>
    <xf numFmtId="0" fontId="5" fillId="0" borderId="4" xfId="2" applyFont="1" applyFill="1" applyBorder="1" applyAlignment="1">
      <alignment horizontal="center" vertical="center" shrinkToFit="1"/>
    </xf>
    <xf numFmtId="0" fontId="5" fillId="0" borderId="3" xfId="2" applyFont="1" applyFill="1" applyBorder="1" applyAlignment="1">
      <alignment horizontal="center" vertical="center" shrinkToFit="1"/>
    </xf>
    <xf numFmtId="0" fontId="6" fillId="0" borderId="5" xfId="2" applyFont="1" applyBorder="1" applyAlignment="1">
      <alignment horizontal="center" vertical="center" shrinkToFit="1"/>
    </xf>
    <xf numFmtId="0" fontId="6" fillId="0" borderId="6" xfId="2" applyFont="1" applyBorder="1" applyAlignment="1">
      <alignment horizontal="center" vertical="center" shrinkToFit="1"/>
    </xf>
    <xf numFmtId="0" fontId="6" fillId="0" borderId="2" xfId="2" applyFont="1" applyBorder="1" applyAlignment="1">
      <alignment horizontal="center" vertical="center" shrinkToFit="1"/>
    </xf>
    <xf numFmtId="0" fontId="3" fillId="2" borderId="7" xfId="2" applyFont="1" applyFill="1" applyBorder="1" applyAlignment="1">
      <alignment horizontal="center" vertical="center" shrinkToFit="1"/>
    </xf>
    <xf numFmtId="0" fontId="3" fillId="2" borderId="8" xfId="2" applyFont="1" applyFill="1" applyBorder="1" applyAlignment="1">
      <alignment horizontal="center" vertical="center" shrinkToFit="1"/>
    </xf>
    <xf numFmtId="0" fontId="6" fillId="0" borderId="0" xfId="2" applyFont="1" applyBorder="1" applyAlignment="1">
      <alignment horizontal="center" vertical="center" shrinkToFit="1"/>
    </xf>
    <xf numFmtId="0" fontId="6" fillId="0" borderId="3" xfId="2" applyFont="1" applyBorder="1" applyAlignment="1">
      <alignment horizontal="center" vertical="center" shrinkToFit="1"/>
    </xf>
    <xf numFmtId="0" fontId="5" fillId="0" borderId="6" xfId="2" applyFont="1" applyBorder="1" applyAlignment="1">
      <alignment horizontal="center" vertical="center" shrinkToFit="1"/>
    </xf>
    <xf numFmtId="0" fontId="6" fillId="0" borderId="6" xfId="2" applyFont="1" applyBorder="1" applyAlignment="1">
      <alignment horizontal="center" vertical="center" shrinkToFit="1"/>
    </xf>
    <xf numFmtId="0" fontId="6" fillId="0" borderId="1" xfId="2" applyFont="1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5" fillId="0" borderId="12" xfId="2" applyFont="1" applyBorder="1" applyAlignment="1">
      <alignment horizontal="center" vertical="center" shrinkToFit="1"/>
    </xf>
    <xf numFmtId="0" fontId="5" fillId="0" borderId="9" xfId="2" applyFont="1" applyBorder="1" applyAlignment="1">
      <alignment horizontal="center" vertical="center" shrinkToFit="1"/>
    </xf>
    <xf numFmtId="0" fontId="5" fillId="0" borderId="3" xfId="2" applyFont="1" applyBorder="1" applyAlignment="1">
      <alignment horizontal="center" vertical="center" wrapText="1" shrinkToFit="1"/>
    </xf>
    <xf numFmtId="0" fontId="6" fillId="0" borderId="25" xfId="2" applyFont="1" applyBorder="1" applyAlignment="1">
      <alignment horizontal="center" vertical="center" shrinkToFit="1"/>
    </xf>
    <xf numFmtId="0" fontId="3" fillId="2" borderId="9" xfId="2" applyFont="1" applyFill="1" applyBorder="1" applyAlignment="1">
      <alignment horizontal="center" vertical="center" shrinkToFit="1"/>
    </xf>
    <xf numFmtId="0" fontId="3" fillId="0" borderId="12" xfId="2" applyFont="1" applyBorder="1" applyAlignment="1">
      <alignment horizontal="center" vertical="center" shrinkToFit="1"/>
    </xf>
    <xf numFmtId="0" fontId="3" fillId="0" borderId="15" xfId="2" applyFont="1" applyBorder="1" applyAlignment="1">
      <alignment horizontal="center" vertical="center" shrinkToFit="1"/>
    </xf>
    <xf numFmtId="0" fontId="3" fillId="3" borderId="9" xfId="2" applyFont="1" applyFill="1" applyBorder="1" applyAlignment="1">
      <alignment horizontal="center" vertical="center" shrinkToFit="1"/>
    </xf>
    <xf numFmtId="0" fontId="3" fillId="3" borderId="15" xfId="2" applyFont="1" applyFill="1" applyBorder="1" applyAlignment="1">
      <alignment horizontal="center" vertical="center" shrinkToFit="1"/>
    </xf>
    <xf numFmtId="0" fontId="3" fillId="0" borderId="9" xfId="2" applyFont="1" applyBorder="1" applyAlignment="1">
      <alignment horizontal="center" vertical="center" shrinkToFit="1"/>
    </xf>
    <xf numFmtId="0" fontId="3" fillId="2" borderId="7" xfId="2" applyFont="1" applyFill="1" applyBorder="1" applyAlignment="1">
      <alignment horizontal="center" vertical="center" shrinkToFit="1"/>
    </xf>
    <xf numFmtId="0" fontId="3" fillId="2" borderId="8" xfId="2" applyFont="1" applyFill="1" applyBorder="1" applyAlignment="1">
      <alignment horizontal="center" vertical="center" shrinkToFit="1"/>
    </xf>
    <xf numFmtId="0" fontId="3" fillId="0" borderId="24" xfId="2" applyFont="1" applyBorder="1" applyAlignment="1">
      <alignment horizontal="center" shrinkToFit="1"/>
    </xf>
    <xf numFmtId="0" fontId="3" fillId="0" borderId="24" xfId="2" applyFont="1" applyBorder="1" applyAlignment="1">
      <alignment horizontal="center" vertical="center" shrinkToFit="1"/>
    </xf>
    <xf numFmtId="0" fontId="3" fillId="0" borderId="21" xfId="2" applyFont="1" applyBorder="1" applyAlignment="1">
      <alignment horizontal="center" vertical="center" shrinkToFit="1"/>
    </xf>
    <xf numFmtId="0" fontId="3" fillId="0" borderId="22" xfId="2" applyFont="1" applyBorder="1" applyAlignment="1">
      <alignment horizontal="center" vertical="center" shrinkToFit="1"/>
    </xf>
    <xf numFmtId="0" fontId="3" fillId="0" borderId="23" xfId="2" applyFont="1" applyBorder="1" applyAlignment="1">
      <alignment horizontal="center" vertical="center" shrinkToFit="1"/>
    </xf>
    <xf numFmtId="0" fontId="3" fillId="0" borderId="16" xfId="2" applyFont="1" applyBorder="1" applyAlignment="1">
      <alignment horizontal="center" vertical="center" shrinkToFit="1"/>
    </xf>
    <xf numFmtId="0" fontId="3" fillId="0" borderId="17" xfId="2" applyFont="1" applyBorder="1" applyAlignment="1">
      <alignment horizontal="center" vertical="center" shrinkToFit="1"/>
    </xf>
    <xf numFmtId="0" fontId="3" fillId="0" borderId="18" xfId="2" applyFont="1" applyBorder="1" applyAlignment="1">
      <alignment horizontal="center" vertical="center" shrinkToFit="1"/>
    </xf>
    <xf numFmtId="0" fontId="3" fillId="0" borderId="19" xfId="2" applyFont="1" applyBorder="1" applyAlignment="1">
      <alignment horizontal="center" vertical="center" shrinkToFit="1"/>
    </xf>
    <xf numFmtId="0" fontId="3" fillId="0" borderId="20" xfId="2" applyFont="1" applyBorder="1" applyAlignment="1">
      <alignment horizontal="center" vertical="center" shrinkToFit="1"/>
    </xf>
    <xf numFmtId="0" fontId="5" fillId="0" borderId="15" xfId="2" applyFont="1" applyBorder="1" applyAlignment="1">
      <alignment horizontal="center" vertical="center" shrinkToFit="1"/>
    </xf>
    <xf numFmtId="0" fontId="5" fillId="0" borderId="9" xfId="2" applyFont="1" applyBorder="1" applyAlignment="1">
      <alignment horizontal="left" vertical="center" shrinkToFit="1"/>
    </xf>
    <xf numFmtId="0" fontId="5" fillId="0" borderId="15" xfId="2" applyFont="1" applyBorder="1" applyAlignment="1">
      <alignment horizontal="left" vertical="center" shrinkToFit="1"/>
    </xf>
    <xf numFmtId="0" fontId="5" fillId="0" borderId="12" xfId="2" applyFont="1" applyBorder="1" applyAlignment="1">
      <alignment horizontal="left" vertical="center" shrinkToFit="1"/>
    </xf>
    <xf numFmtId="0" fontId="4" fillId="3" borderId="9" xfId="2" applyFont="1" applyFill="1" applyBorder="1" applyAlignment="1">
      <alignment horizontal="center" vertical="center" wrapText="1" shrinkToFit="1"/>
    </xf>
    <xf numFmtId="0" fontId="4" fillId="3" borderId="9" xfId="2" applyFont="1" applyFill="1" applyBorder="1" applyAlignment="1">
      <alignment horizontal="center" vertical="center" shrinkToFit="1"/>
    </xf>
    <xf numFmtId="0" fontId="4" fillId="0" borderId="13" xfId="2" applyFont="1" applyBorder="1" applyAlignment="1">
      <alignment horizontal="left" vertical="center"/>
    </xf>
    <xf numFmtId="0" fontId="4" fillId="0" borderId="0" xfId="2" applyFont="1" applyBorder="1" applyAlignment="1">
      <alignment horizontal="left" vertical="center"/>
    </xf>
    <xf numFmtId="38" fontId="8" fillId="0" borderId="13" xfId="1" applyFont="1" applyBorder="1" applyAlignment="1">
      <alignment horizontal="right" vertical="center"/>
    </xf>
    <xf numFmtId="0" fontId="3" fillId="0" borderId="14" xfId="2" applyFont="1" applyBorder="1" applyAlignment="1">
      <alignment horizontal="right"/>
    </xf>
    <xf numFmtId="0" fontId="7" fillId="0" borderId="0" xfId="2" applyFont="1" applyAlignment="1">
      <alignment horizontal="left" vertical="top"/>
    </xf>
    <xf numFmtId="0" fontId="9" fillId="0" borderId="11" xfId="2" applyFont="1" applyBorder="1" applyAlignment="1">
      <alignment horizontal="center" vertical="center" wrapText="1"/>
    </xf>
    <xf numFmtId="0" fontId="9" fillId="0" borderId="10" xfId="2" applyFont="1" applyBorder="1" applyAlignment="1">
      <alignment horizontal="center" vertical="center" wrapText="1"/>
    </xf>
    <xf numFmtId="0" fontId="5" fillId="3" borderId="9" xfId="2" applyFont="1" applyFill="1" applyBorder="1" applyAlignment="1">
      <alignment horizontal="center" vertical="center" shrinkToFit="1"/>
    </xf>
    <xf numFmtId="0" fontId="5" fillId="3" borderId="7" xfId="2" applyFont="1" applyFill="1" applyBorder="1" applyAlignment="1">
      <alignment horizontal="center" vertical="center" shrinkToFit="1"/>
    </xf>
    <xf numFmtId="0" fontId="5" fillId="3" borderId="10" xfId="2" applyFont="1" applyFill="1" applyBorder="1" applyAlignment="1">
      <alignment horizontal="center" vertical="center" shrinkToFit="1"/>
    </xf>
  </cellXfs>
  <cellStyles count="3">
    <cellStyle name="桁区切り" xfId="1" builtinId="6"/>
    <cellStyle name="標準" xfId="0" builtinId="0"/>
    <cellStyle name="標準_施設名簿原稿（養護・老健）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0</xdr:row>
      <xdr:rowOff>47625</xdr:rowOff>
    </xdr:from>
    <xdr:to>
      <xdr:col>2</xdr:col>
      <xdr:colOff>85725</xdr:colOff>
      <xdr:row>0</xdr:row>
      <xdr:rowOff>257175</xdr:rowOff>
    </xdr:to>
    <xdr:sp macro="" textlink="">
      <xdr:nvSpPr>
        <xdr:cNvPr id="1086" name="Text Box 1"/>
        <xdr:cNvSpPr txBox="1">
          <a:spLocks noChangeArrowheads="1"/>
        </xdr:cNvSpPr>
      </xdr:nvSpPr>
      <xdr:spPr bwMode="auto">
        <a:xfrm>
          <a:off x="676275" y="47625"/>
          <a:ext cx="85725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11</xdr:col>
      <xdr:colOff>0</xdr:colOff>
      <xdr:row>1</xdr:row>
      <xdr:rowOff>0</xdr:rowOff>
    </xdr:from>
    <xdr:to>
      <xdr:col>11</xdr:col>
      <xdr:colOff>0</xdr:colOff>
      <xdr:row>1</xdr:row>
      <xdr:rowOff>0</xdr:rowOff>
    </xdr:to>
    <xdr:sp macro="" textlink="">
      <xdr:nvSpPr>
        <xdr:cNvPr id="1087" name="AutoShape 2"/>
        <xdr:cNvSpPr>
          <a:spLocks noChangeArrowheads="1"/>
        </xdr:cNvSpPr>
      </xdr:nvSpPr>
      <xdr:spPr bwMode="auto">
        <a:xfrm>
          <a:off x="12325350" y="571500"/>
          <a:ext cx="0" cy="0"/>
        </a:xfrm>
        <a:prstGeom prst="wedgeRoundRectCallout">
          <a:avLst>
            <a:gd name="adj1" fmla="val -54130"/>
            <a:gd name="adj2" fmla="val -81394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0</xdr:colOff>
      <xdr:row>50</xdr:row>
      <xdr:rowOff>0</xdr:rowOff>
    </xdr:from>
    <xdr:to>
      <xdr:col>1</xdr:col>
      <xdr:colOff>0</xdr:colOff>
      <xdr:row>50</xdr:row>
      <xdr:rowOff>0</xdr:rowOff>
    </xdr:to>
    <xdr:sp macro="" textlink="">
      <xdr:nvSpPr>
        <xdr:cNvPr id="1027" name="AutoShape 3"/>
        <xdr:cNvSpPr>
          <a:spLocks noChangeArrowheads="1"/>
        </xdr:cNvSpPr>
      </xdr:nvSpPr>
      <xdr:spPr bwMode="auto">
        <a:xfrm>
          <a:off x="285750" y="14268450"/>
          <a:ext cx="0" cy="0"/>
        </a:xfrm>
        <a:prstGeom prst="wedgeRoundRectCallout">
          <a:avLst>
            <a:gd name="adj1" fmla="val -35454"/>
            <a:gd name="adj2" fmla="val 122727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100" b="1" i="1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特別養護老人ホーム　　　　　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　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51"/>
  <sheetViews>
    <sheetView tabSelected="1" zoomScale="85" zoomScaleNormal="85" zoomScaleSheetLayoutView="40" workbookViewId="0">
      <selection activeCell="I1" sqref="I1:J1"/>
    </sheetView>
  </sheetViews>
  <sheetFormatPr defaultRowHeight="13.5" x14ac:dyDescent="0.15"/>
  <cols>
    <col min="1" max="1" width="3.75" style="1" customWidth="1"/>
    <col min="2" max="2" width="5.125" style="1" customWidth="1"/>
    <col min="3" max="3" width="17.625" style="2" customWidth="1"/>
    <col min="4" max="4" width="15" style="2" customWidth="1"/>
    <col min="5" max="5" width="6" style="2" customWidth="1"/>
    <col min="6" max="6" width="10.5" style="2" customWidth="1"/>
    <col min="7" max="7" width="32" style="1" customWidth="1"/>
    <col min="8" max="9" width="14.625" style="1" customWidth="1"/>
    <col min="10" max="10" width="25.5" style="3" customWidth="1"/>
    <col min="11" max="11" width="17" style="1" customWidth="1"/>
    <col min="12" max="12" width="9" style="1"/>
    <col min="13" max="13" width="8.75" style="1" customWidth="1"/>
    <col min="14" max="16384" width="9" style="1"/>
  </cols>
  <sheetData>
    <row r="1" spans="1:10" ht="45" customHeight="1" thickBot="1" x14ac:dyDescent="0.2">
      <c r="A1" s="53" t="s">
        <v>149</v>
      </c>
      <c r="B1" s="53"/>
      <c r="C1" s="53"/>
      <c r="D1" s="53"/>
      <c r="E1" s="53"/>
      <c r="F1" s="53"/>
      <c r="G1" s="53"/>
      <c r="I1" s="52" t="s">
        <v>164</v>
      </c>
      <c r="J1" s="52"/>
    </row>
    <row r="2" spans="1:10" ht="15" customHeight="1" x14ac:dyDescent="0.15">
      <c r="A2" s="33"/>
      <c r="B2" s="35" t="s">
        <v>0</v>
      </c>
      <c r="C2" s="26" t="s">
        <v>1</v>
      </c>
      <c r="D2" s="54" t="s">
        <v>161</v>
      </c>
      <c r="E2" s="26" t="s">
        <v>2</v>
      </c>
      <c r="F2" s="26" t="s">
        <v>3</v>
      </c>
      <c r="G2" s="26" t="s">
        <v>4</v>
      </c>
      <c r="H2" s="26" t="s">
        <v>5</v>
      </c>
      <c r="I2" s="26" t="s">
        <v>152</v>
      </c>
      <c r="J2" s="4" t="s">
        <v>6</v>
      </c>
    </row>
    <row r="3" spans="1:10" ht="15" customHeight="1" thickBot="1" x14ac:dyDescent="0.2">
      <c r="A3" s="33"/>
      <c r="B3" s="36"/>
      <c r="C3" s="27"/>
      <c r="D3" s="55"/>
      <c r="E3" s="27"/>
      <c r="F3" s="27"/>
      <c r="G3" s="27"/>
      <c r="H3" s="27"/>
      <c r="I3" s="27"/>
      <c r="J3" s="5" t="s">
        <v>7</v>
      </c>
    </row>
    <row r="4" spans="1:10" ht="23.1" customHeight="1" x14ac:dyDescent="0.15">
      <c r="A4" s="34">
        <v>1</v>
      </c>
      <c r="B4" s="35" t="s">
        <v>8</v>
      </c>
      <c r="C4" s="26" t="s">
        <v>150</v>
      </c>
      <c r="D4" s="21"/>
      <c r="E4" s="21">
        <v>50</v>
      </c>
      <c r="F4" s="21" t="s">
        <v>153</v>
      </c>
      <c r="G4" s="46" t="s">
        <v>151</v>
      </c>
      <c r="H4" s="21" t="s">
        <v>154</v>
      </c>
      <c r="I4" s="21" t="s">
        <v>155</v>
      </c>
      <c r="J4" s="19" t="s">
        <v>126</v>
      </c>
    </row>
    <row r="5" spans="1:10" ht="23.1" customHeight="1" x14ac:dyDescent="0.15">
      <c r="A5" s="34"/>
      <c r="B5" s="37"/>
      <c r="C5" s="30"/>
      <c r="D5" s="22"/>
      <c r="E5" s="22"/>
      <c r="F5" s="22"/>
      <c r="G5" s="44"/>
      <c r="H5" s="22"/>
      <c r="I5" s="22"/>
      <c r="J5" s="17"/>
    </row>
    <row r="6" spans="1:10" ht="23.1" customHeight="1" x14ac:dyDescent="0.15">
      <c r="A6" s="34">
        <v>2</v>
      </c>
      <c r="B6" s="38" t="s">
        <v>8</v>
      </c>
      <c r="C6" s="25" t="s">
        <v>9</v>
      </c>
      <c r="D6" s="56" t="s">
        <v>162</v>
      </c>
      <c r="E6" s="22">
        <v>60</v>
      </c>
      <c r="F6" s="22" t="s">
        <v>64</v>
      </c>
      <c r="G6" s="44" t="s">
        <v>10</v>
      </c>
      <c r="H6" s="22" t="s">
        <v>65</v>
      </c>
      <c r="I6" s="22" t="s">
        <v>66</v>
      </c>
      <c r="J6" s="16" t="s">
        <v>127</v>
      </c>
    </row>
    <row r="7" spans="1:10" ht="23.1" customHeight="1" x14ac:dyDescent="0.15">
      <c r="A7" s="34"/>
      <c r="B7" s="38"/>
      <c r="C7" s="25"/>
      <c r="D7" s="56"/>
      <c r="E7" s="22"/>
      <c r="F7" s="22"/>
      <c r="G7" s="44"/>
      <c r="H7" s="22"/>
      <c r="I7" s="22"/>
      <c r="J7" s="17"/>
    </row>
    <row r="8" spans="1:10" ht="23.1" customHeight="1" x14ac:dyDescent="0.15">
      <c r="A8" s="34">
        <v>3</v>
      </c>
      <c r="B8" s="38" t="s">
        <v>11</v>
      </c>
      <c r="C8" s="30" t="s">
        <v>12</v>
      </c>
      <c r="D8" s="22"/>
      <c r="E8" s="22">
        <v>50</v>
      </c>
      <c r="F8" s="22" t="s">
        <v>67</v>
      </c>
      <c r="G8" s="44" t="s">
        <v>13</v>
      </c>
      <c r="H8" s="22" t="s">
        <v>68</v>
      </c>
      <c r="I8" s="22" t="s">
        <v>69</v>
      </c>
      <c r="J8" s="6" t="s">
        <v>14</v>
      </c>
    </row>
    <row r="9" spans="1:10" ht="23.1" customHeight="1" x14ac:dyDescent="0.15">
      <c r="A9" s="34"/>
      <c r="B9" s="38"/>
      <c r="C9" s="30"/>
      <c r="D9" s="22"/>
      <c r="E9" s="22"/>
      <c r="F9" s="22"/>
      <c r="G9" s="44"/>
      <c r="H9" s="22"/>
      <c r="I9" s="22"/>
      <c r="J9" s="10" t="s">
        <v>128</v>
      </c>
    </row>
    <row r="10" spans="1:10" ht="23.1" customHeight="1" x14ac:dyDescent="0.15">
      <c r="A10" s="34">
        <v>4</v>
      </c>
      <c r="B10" s="38" t="s">
        <v>15</v>
      </c>
      <c r="C10" s="25" t="s">
        <v>16</v>
      </c>
      <c r="D10" s="47" t="s">
        <v>163</v>
      </c>
      <c r="E10" s="22">
        <v>80</v>
      </c>
      <c r="F10" s="22" t="s">
        <v>17</v>
      </c>
      <c r="G10" s="44" t="s">
        <v>18</v>
      </c>
      <c r="H10" s="22" t="s">
        <v>70</v>
      </c>
      <c r="I10" s="22" t="s">
        <v>71</v>
      </c>
      <c r="J10" s="16" t="s">
        <v>129</v>
      </c>
    </row>
    <row r="11" spans="1:10" ht="23.1" customHeight="1" x14ac:dyDescent="0.15">
      <c r="A11" s="34"/>
      <c r="B11" s="38"/>
      <c r="C11" s="25"/>
      <c r="D11" s="48"/>
      <c r="E11" s="22"/>
      <c r="F11" s="22"/>
      <c r="G11" s="44"/>
      <c r="H11" s="22"/>
      <c r="I11" s="22"/>
      <c r="J11" s="20"/>
    </row>
    <row r="12" spans="1:10" ht="23.1" customHeight="1" x14ac:dyDescent="0.15">
      <c r="A12" s="34">
        <v>5</v>
      </c>
      <c r="B12" s="38" t="s">
        <v>15</v>
      </c>
      <c r="C12" s="25" t="s">
        <v>19</v>
      </c>
      <c r="D12" s="47" t="s">
        <v>163</v>
      </c>
      <c r="E12" s="22">
        <v>50</v>
      </c>
      <c r="F12" s="22" t="s">
        <v>72</v>
      </c>
      <c r="G12" s="44" t="s">
        <v>148</v>
      </c>
      <c r="H12" s="22" t="s">
        <v>73</v>
      </c>
      <c r="I12" s="22" t="s">
        <v>74</v>
      </c>
      <c r="J12" s="16" t="s">
        <v>130</v>
      </c>
    </row>
    <row r="13" spans="1:10" ht="23.1" customHeight="1" x14ac:dyDescent="0.15">
      <c r="A13" s="34"/>
      <c r="B13" s="38"/>
      <c r="C13" s="25"/>
      <c r="D13" s="48"/>
      <c r="E13" s="22"/>
      <c r="F13" s="22"/>
      <c r="G13" s="44"/>
      <c r="H13" s="22"/>
      <c r="I13" s="22"/>
      <c r="J13" s="17"/>
    </row>
    <row r="14" spans="1:10" ht="23.1" customHeight="1" x14ac:dyDescent="0.15">
      <c r="A14" s="34">
        <v>6</v>
      </c>
      <c r="B14" s="38" t="s">
        <v>15</v>
      </c>
      <c r="C14" s="25" t="s">
        <v>20</v>
      </c>
      <c r="D14" s="47" t="s">
        <v>163</v>
      </c>
      <c r="E14" s="22">
        <v>78</v>
      </c>
      <c r="F14" s="22" t="s">
        <v>145</v>
      </c>
      <c r="G14" s="44" t="s">
        <v>146</v>
      </c>
      <c r="H14" s="22" t="s">
        <v>75</v>
      </c>
      <c r="I14" s="22" t="s">
        <v>76</v>
      </c>
      <c r="J14" s="16" t="s">
        <v>131</v>
      </c>
    </row>
    <row r="15" spans="1:10" ht="23.1" customHeight="1" x14ac:dyDescent="0.15">
      <c r="A15" s="34"/>
      <c r="B15" s="38"/>
      <c r="C15" s="25"/>
      <c r="D15" s="48"/>
      <c r="E15" s="22"/>
      <c r="F15" s="22"/>
      <c r="G15" s="44"/>
      <c r="H15" s="22"/>
      <c r="I15" s="22"/>
      <c r="J15" s="17"/>
    </row>
    <row r="16" spans="1:10" ht="23.1" customHeight="1" x14ac:dyDescent="0.15">
      <c r="A16" s="34">
        <v>7</v>
      </c>
      <c r="B16" s="38" t="s">
        <v>21</v>
      </c>
      <c r="C16" s="25" t="s">
        <v>22</v>
      </c>
      <c r="D16" s="47" t="s">
        <v>163</v>
      </c>
      <c r="E16" s="22">
        <v>80</v>
      </c>
      <c r="F16" s="22" t="s">
        <v>77</v>
      </c>
      <c r="G16" s="44" t="s">
        <v>23</v>
      </c>
      <c r="H16" s="22" t="s">
        <v>78</v>
      </c>
      <c r="I16" s="22" t="s">
        <v>79</v>
      </c>
      <c r="J16" s="16" t="s">
        <v>132</v>
      </c>
    </row>
    <row r="17" spans="1:10" ht="23.1" customHeight="1" x14ac:dyDescent="0.15">
      <c r="A17" s="34"/>
      <c r="B17" s="38"/>
      <c r="C17" s="25"/>
      <c r="D17" s="48"/>
      <c r="E17" s="22"/>
      <c r="F17" s="22"/>
      <c r="G17" s="44"/>
      <c r="H17" s="22"/>
      <c r="I17" s="22"/>
      <c r="J17" s="17"/>
    </row>
    <row r="18" spans="1:10" ht="23.1" customHeight="1" x14ac:dyDescent="0.15">
      <c r="A18" s="34">
        <v>8</v>
      </c>
      <c r="B18" s="38" t="s">
        <v>21</v>
      </c>
      <c r="C18" s="25" t="s">
        <v>24</v>
      </c>
      <c r="D18" s="56" t="s">
        <v>162</v>
      </c>
      <c r="E18" s="22">
        <v>50</v>
      </c>
      <c r="F18" s="22" t="s">
        <v>80</v>
      </c>
      <c r="G18" s="44" t="s">
        <v>156</v>
      </c>
      <c r="H18" s="22" t="s">
        <v>81</v>
      </c>
      <c r="I18" s="22" t="s">
        <v>82</v>
      </c>
      <c r="J18" s="16" t="s">
        <v>133</v>
      </c>
    </row>
    <row r="19" spans="1:10" ht="23.1" customHeight="1" x14ac:dyDescent="0.15">
      <c r="A19" s="34"/>
      <c r="B19" s="38"/>
      <c r="C19" s="25"/>
      <c r="D19" s="56"/>
      <c r="E19" s="22"/>
      <c r="F19" s="22"/>
      <c r="G19" s="44"/>
      <c r="H19" s="22"/>
      <c r="I19" s="22"/>
      <c r="J19" s="17"/>
    </row>
    <row r="20" spans="1:10" ht="23.1" customHeight="1" x14ac:dyDescent="0.15">
      <c r="A20" s="34">
        <v>9</v>
      </c>
      <c r="B20" s="38" t="s">
        <v>25</v>
      </c>
      <c r="C20" s="30" t="s">
        <v>26</v>
      </c>
      <c r="D20" s="22"/>
      <c r="E20" s="22">
        <v>50</v>
      </c>
      <c r="F20" s="22" t="s">
        <v>83</v>
      </c>
      <c r="G20" s="44" t="s">
        <v>147</v>
      </c>
      <c r="H20" s="22" t="s">
        <v>84</v>
      </c>
      <c r="I20" s="22" t="s">
        <v>85</v>
      </c>
      <c r="J20" s="16" t="s">
        <v>125</v>
      </c>
    </row>
    <row r="21" spans="1:10" ht="23.1" customHeight="1" x14ac:dyDescent="0.15">
      <c r="A21" s="34"/>
      <c r="B21" s="38"/>
      <c r="C21" s="30"/>
      <c r="D21" s="22"/>
      <c r="E21" s="22"/>
      <c r="F21" s="22"/>
      <c r="G21" s="44"/>
      <c r="H21" s="22"/>
      <c r="I21" s="22"/>
      <c r="J21" s="18"/>
    </row>
    <row r="22" spans="1:10" ht="23.1" customHeight="1" x14ac:dyDescent="0.15">
      <c r="A22" s="34">
        <v>10</v>
      </c>
      <c r="B22" s="38" t="s">
        <v>27</v>
      </c>
      <c r="C22" s="25" t="s">
        <v>28</v>
      </c>
      <c r="D22" s="47" t="s">
        <v>163</v>
      </c>
      <c r="E22" s="22">
        <v>50</v>
      </c>
      <c r="F22" s="22" t="s">
        <v>86</v>
      </c>
      <c r="G22" s="44" t="s">
        <v>29</v>
      </c>
      <c r="H22" s="22" t="s">
        <v>87</v>
      </c>
      <c r="I22" s="22" t="s">
        <v>88</v>
      </c>
      <c r="J22" s="16" t="s">
        <v>134</v>
      </c>
    </row>
    <row r="23" spans="1:10" ht="23.1" customHeight="1" x14ac:dyDescent="0.15">
      <c r="A23" s="34"/>
      <c r="B23" s="38"/>
      <c r="C23" s="25"/>
      <c r="D23" s="48"/>
      <c r="E23" s="22"/>
      <c r="F23" s="22"/>
      <c r="G23" s="44"/>
      <c r="H23" s="22"/>
      <c r="I23" s="22"/>
      <c r="J23" s="17"/>
    </row>
    <row r="24" spans="1:10" ht="23.1" customHeight="1" x14ac:dyDescent="0.15">
      <c r="A24" s="34">
        <v>11</v>
      </c>
      <c r="B24" s="38" t="s">
        <v>27</v>
      </c>
      <c r="C24" s="25" t="s">
        <v>30</v>
      </c>
      <c r="D24" s="47" t="s">
        <v>163</v>
      </c>
      <c r="E24" s="22">
        <v>50</v>
      </c>
      <c r="F24" s="22" t="s">
        <v>89</v>
      </c>
      <c r="G24" s="44" t="s">
        <v>31</v>
      </c>
      <c r="H24" s="22" t="s">
        <v>90</v>
      </c>
      <c r="I24" s="22" t="s">
        <v>91</v>
      </c>
      <c r="J24" s="16" t="s">
        <v>135</v>
      </c>
    </row>
    <row r="25" spans="1:10" ht="23.1" customHeight="1" x14ac:dyDescent="0.15">
      <c r="A25" s="34"/>
      <c r="B25" s="38"/>
      <c r="C25" s="25"/>
      <c r="D25" s="48"/>
      <c r="E25" s="22"/>
      <c r="F25" s="22"/>
      <c r="G25" s="44"/>
      <c r="H25" s="22"/>
      <c r="I25" s="22"/>
      <c r="J25" s="17"/>
    </row>
    <row r="26" spans="1:10" ht="23.1" customHeight="1" x14ac:dyDescent="0.15">
      <c r="A26" s="34">
        <v>12</v>
      </c>
      <c r="B26" s="38" t="s">
        <v>27</v>
      </c>
      <c r="C26" s="25" t="s">
        <v>32</v>
      </c>
      <c r="D26" s="56" t="s">
        <v>162</v>
      </c>
      <c r="E26" s="22">
        <v>50</v>
      </c>
      <c r="F26" s="22" t="s">
        <v>92</v>
      </c>
      <c r="G26" s="44" t="s">
        <v>33</v>
      </c>
      <c r="H26" s="22" t="s">
        <v>34</v>
      </c>
      <c r="I26" s="22" t="s">
        <v>35</v>
      </c>
      <c r="J26" s="16" t="s">
        <v>136</v>
      </c>
    </row>
    <row r="27" spans="1:10" ht="23.1" customHeight="1" x14ac:dyDescent="0.15">
      <c r="A27" s="34"/>
      <c r="B27" s="38"/>
      <c r="C27" s="25"/>
      <c r="D27" s="56"/>
      <c r="E27" s="22"/>
      <c r="F27" s="22"/>
      <c r="G27" s="44"/>
      <c r="H27" s="22"/>
      <c r="I27" s="22"/>
      <c r="J27" s="17"/>
    </row>
    <row r="28" spans="1:10" ht="23.1" customHeight="1" x14ac:dyDescent="0.15">
      <c r="A28" s="34">
        <v>13</v>
      </c>
      <c r="B28" s="38" t="s">
        <v>36</v>
      </c>
      <c r="C28" s="25" t="s">
        <v>37</v>
      </c>
      <c r="D28" s="47" t="s">
        <v>163</v>
      </c>
      <c r="E28" s="22">
        <v>50</v>
      </c>
      <c r="F28" s="22" t="s">
        <v>93</v>
      </c>
      <c r="G28" s="44" t="s">
        <v>38</v>
      </c>
      <c r="H28" s="22" t="s">
        <v>94</v>
      </c>
      <c r="I28" s="22" t="s">
        <v>95</v>
      </c>
      <c r="J28" s="16" t="s">
        <v>137</v>
      </c>
    </row>
    <row r="29" spans="1:10" ht="23.1" customHeight="1" x14ac:dyDescent="0.15">
      <c r="A29" s="34"/>
      <c r="B29" s="38"/>
      <c r="C29" s="25"/>
      <c r="D29" s="48"/>
      <c r="E29" s="22"/>
      <c r="F29" s="22"/>
      <c r="G29" s="44"/>
      <c r="H29" s="22"/>
      <c r="I29" s="22"/>
      <c r="J29" s="17"/>
    </row>
    <row r="30" spans="1:10" ht="23.1" customHeight="1" x14ac:dyDescent="0.15">
      <c r="A30" s="34">
        <v>14</v>
      </c>
      <c r="B30" s="38" t="s">
        <v>36</v>
      </c>
      <c r="C30" s="25" t="s">
        <v>39</v>
      </c>
      <c r="D30" s="56" t="s">
        <v>162</v>
      </c>
      <c r="E30" s="22">
        <v>50</v>
      </c>
      <c r="F30" s="22" t="s">
        <v>96</v>
      </c>
      <c r="G30" s="44" t="s">
        <v>40</v>
      </c>
      <c r="H30" s="22" t="s">
        <v>97</v>
      </c>
      <c r="I30" s="22" t="s">
        <v>98</v>
      </c>
      <c r="J30" s="16" t="s">
        <v>138</v>
      </c>
    </row>
    <row r="31" spans="1:10" ht="23.1" customHeight="1" x14ac:dyDescent="0.15">
      <c r="A31" s="34"/>
      <c r="B31" s="38"/>
      <c r="C31" s="25"/>
      <c r="D31" s="56"/>
      <c r="E31" s="22"/>
      <c r="F31" s="22"/>
      <c r="G31" s="44"/>
      <c r="H31" s="22"/>
      <c r="I31" s="22"/>
      <c r="J31" s="17"/>
    </row>
    <row r="32" spans="1:10" ht="23.1" customHeight="1" x14ac:dyDescent="0.15">
      <c r="A32" s="34">
        <v>15</v>
      </c>
      <c r="B32" s="38" t="s">
        <v>36</v>
      </c>
      <c r="C32" s="25" t="s">
        <v>41</v>
      </c>
      <c r="D32" s="47" t="s">
        <v>163</v>
      </c>
      <c r="E32" s="22">
        <v>50</v>
      </c>
      <c r="F32" s="22" t="s">
        <v>99</v>
      </c>
      <c r="G32" s="44" t="s">
        <v>42</v>
      </c>
      <c r="H32" s="22" t="s">
        <v>100</v>
      </c>
      <c r="I32" s="22" t="s">
        <v>101</v>
      </c>
      <c r="J32" s="16" t="s">
        <v>139</v>
      </c>
    </row>
    <row r="33" spans="1:13" ht="23.1" customHeight="1" x14ac:dyDescent="0.15">
      <c r="A33" s="34"/>
      <c r="B33" s="38"/>
      <c r="C33" s="25"/>
      <c r="D33" s="48"/>
      <c r="E33" s="22"/>
      <c r="F33" s="22"/>
      <c r="G33" s="44"/>
      <c r="H33" s="22"/>
      <c r="I33" s="22"/>
      <c r="J33" s="18"/>
      <c r="M33" s="15"/>
    </row>
    <row r="34" spans="1:13" ht="23.1" customHeight="1" x14ac:dyDescent="0.15">
      <c r="A34" s="34">
        <v>16</v>
      </c>
      <c r="B34" s="38" t="s">
        <v>36</v>
      </c>
      <c r="C34" s="30" t="s">
        <v>43</v>
      </c>
      <c r="D34" s="22"/>
      <c r="E34" s="22">
        <v>50</v>
      </c>
      <c r="F34" s="22" t="s">
        <v>102</v>
      </c>
      <c r="G34" s="44" t="s">
        <v>44</v>
      </c>
      <c r="H34" s="22" t="s">
        <v>103</v>
      </c>
      <c r="I34" s="22" t="s">
        <v>104</v>
      </c>
      <c r="J34" s="16" t="s">
        <v>140</v>
      </c>
    </row>
    <row r="35" spans="1:13" ht="23.1" customHeight="1" x14ac:dyDescent="0.15">
      <c r="A35" s="34"/>
      <c r="B35" s="38"/>
      <c r="C35" s="30"/>
      <c r="D35" s="22"/>
      <c r="E35" s="22"/>
      <c r="F35" s="22"/>
      <c r="G35" s="44"/>
      <c r="H35" s="22"/>
      <c r="I35" s="22"/>
      <c r="J35" s="17"/>
    </row>
    <row r="36" spans="1:13" ht="23.1" customHeight="1" x14ac:dyDescent="0.15">
      <c r="A36" s="34">
        <v>17</v>
      </c>
      <c r="B36" s="38" t="s">
        <v>36</v>
      </c>
      <c r="C36" s="25" t="s">
        <v>45</v>
      </c>
      <c r="D36" s="56" t="s">
        <v>162</v>
      </c>
      <c r="E36" s="22">
        <v>23</v>
      </c>
      <c r="F36" s="22" t="s">
        <v>105</v>
      </c>
      <c r="G36" s="44" t="s">
        <v>46</v>
      </c>
      <c r="H36" s="22" t="s">
        <v>106</v>
      </c>
      <c r="I36" s="22" t="s">
        <v>107</v>
      </c>
      <c r="J36" s="16" t="s">
        <v>138</v>
      </c>
    </row>
    <row r="37" spans="1:13" ht="23.1" customHeight="1" x14ac:dyDescent="0.15">
      <c r="A37" s="34"/>
      <c r="B37" s="38"/>
      <c r="C37" s="25"/>
      <c r="D37" s="56"/>
      <c r="E37" s="22"/>
      <c r="F37" s="22"/>
      <c r="G37" s="44"/>
      <c r="H37" s="22"/>
      <c r="I37" s="22"/>
      <c r="J37" s="17"/>
    </row>
    <row r="38" spans="1:13" ht="23.1" customHeight="1" x14ac:dyDescent="0.15">
      <c r="A38" s="34">
        <v>18</v>
      </c>
      <c r="B38" s="38" t="s">
        <v>47</v>
      </c>
      <c r="C38" s="31" t="s">
        <v>158</v>
      </c>
      <c r="D38" s="56" t="s">
        <v>162</v>
      </c>
      <c r="E38" s="22">
        <v>80</v>
      </c>
      <c r="F38" s="22" t="s">
        <v>108</v>
      </c>
      <c r="G38" s="44" t="s">
        <v>159</v>
      </c>
      <c r="H38" s="22" t="s">
        <v>109</v>
      </c>
      <c r="I38" s="22" t="s">
        <v>110</v>
      </c>
      <c r="J38" s="16" t="s">
        <v>141</v>
      </c>
    </row>
    <row r="39" spans="1:13" ht="23.1" customHeight="1" x14ac:dyDescent="0.15">
      <c r="A39" s="34"/>
      <c r="B39" s="38"/>
      <c r="C39" s="32"/>
      <c r="D39" s="56"/>
      <c r="E39" s="22"/>
      <c r="F39" s="22"/>
      <c r="G39" s="44"/>
      <c r="H39" s="22"/>
      <c r="I39" s="22"/>
      <c r="J39" s="18"/>
    </row>
    <row r="40" spans="1:13" ht="23.1" customHeight="1" x14ac:dyDescent="0.15">
      <c r="A40" s="34">
        <v>19</v>
      </c>
      <c r="B40" s="38" t="s">
        <v>47</v>
      </c>
      <c r="C40" s="13" t="s">
        <v>48</v>
      </c>
      <c r="D40" s="47" t="s">
        <v>163</v>
      </c>
      <c r="E40" s="22">
        <v>50</v>
      </c>
      <c r="F40" s="22" t="s">
        <v>111</v>
      </c>
      <c r="G40" s="44" t="s">
        <v>49</v>
      </c>
      <c r="H40" s="22" t="s">
        <v>112</v>
      </c>
      <c r="I40" s="22" t="s">
        <v>113</v>
      </c>
      <c r="J40" s="8" t="s">
        <v>50</v>
      </c>
    </row>
    <row r="41" spans="1:13" ht="23.1" customHeight="1" x14ac:dyDescent="0.15">
      <c r="A41" s="34"/>
      <c r="B41" s="38"/>
      <c r="C41" s="14" t="s">
        <v>51</v>
      </c>
      <c r="D41" s="48"/>
      <c r="E41" s="22"/>
      <c r="F41" s="22"/>
      <c r="G41" s="44"/>
      <c r="H41" s="22"/>
      <c r="I41" s="22"/>
      <c r="J41" s="11" t="s">
        <v>142</v>
      </c>
    </row>
    <row r="42" spans="1:13" ht="23.1" customHeight="1" x14ac:dyDescent="0.15">
      <c r="A42" s="34">
        <v>20</v>
      </c>
      <c r="B42" s="38" t="s">
        <v>47</v>
      </c>
      <c r="C42" s="25" t="s">
        <v>52</v>
      </c>
      <c r="D42" s="47" t="s">
        <v>163</v>
      </c>
      <c r="E42" s="22">
        <v>60</v>
      </c>
      <c r="F42" s="22" t="s">
        <v>114</v>
      </c>
      <c r="G42" s="44" t="s">
        <v>53</v>
      </c>
      <c r="H42" s="22" t="s">
        <v>115</v>
      </c>
      <c r="I42" s="22" t="s">
        <v>116</v>
      </c>
      <c r="J42" s="23" t="s">
        <v>124</v>
      </c>
    </row>
    <row r="43" spans="1:13" ht="23.1" customHeight="1" x14ac:dyDescent="0.15">
      <c r="A43" s="34"/>
      <c r="B43" s="38"/>
      <c r="C43" s="25"/>
      <c r="D43" s="48"/>
      <c r="E43" s="22"/>
      <c r="F43" s="22"/>
      <c r="G43" s="44"/>
      <c r="H43" s="22"/>
      <c r="I43" s="22"/>
      <c r="J43" s="17"/>
    </row>
    <row r="44" spans="1:13" ht="23.1" customHeight="1" x14ac:dyDescent="0.15">
      <c r="A44" s="34">
        <v>21</v>
      </c>
      <c r="B44" s="41" t="s">
        <v>54</v>
      </c>
      <c r="C44" s="25" t="s">
        <v>55</v>
      </c>
      <c r="D44" s="47" t="s">
        <v>163</v>
      </c>
      <c r="E44" s="22">
        <v>50</v>
      </c>
      <c r="F44" s="22" t="s">
        <v>117</v>
      </c>
      <c r="G44" s="44" t="s">
        <v>56</v>
      </c>
      <c r="H44" s="22" t="s">
        <v>118</v>
      </c>
      <c r="I44" s="22" t="s">
        <v>119</v>
      </c>
      <c r="J44" s="7" t="s">
        <v>57</v>
      </c>
    </row>
    <row r="45" spans="1:13" ht="23.1" customHeight="1" x14ac:dyDescent="0.15">
      <c r="A45" s="34"/>
      <c r="B45" s="42"/>
      <c r="C45" s="25"/>
      <c r="D45" s="48"/>
      <c r="E45" s="22"/>
      <c r="F45" s="22"/>
      <c r="G45" s="44"/>
      <c r="H45" s="22"/>
      <c r="I45" s="22"/>
      <c r="J45" s="11" t="s">
        <v>143</v>
      </c>
    </row>
    <row r="46" spans="1:13" ht="23.1" customHeight="1" x14ac:dyDescent="0.15">
      <c r="A46" s="34">
        <v>22</v>
      </c>
      <c r="B46" s="39" t="s">
        <v>54</v>
      </c>
      <c r="C46" s="30" t="s">
        <v>58</v>
      </c>
      <c r="D46" s="22"/>
      <c r="E46" s="22">
        <v>55</v>
      </c>
      <c r="F46" s="22" t="s">
        <v>120</v>
      </c>
      <c r="G46" s="44" t="s">
        <v>59</v>
      </c>
      <c r="H46" s="22" t="s">
        <v>60</v>
      </c>
      <c r="I46" s="22" t="s">
        <v>61</v>
      </c>
      <c r="J46" s="24" t="s">
        <v>126</v>
      </c>
    </row>
    <row r="47" spans="1:13" ht="23.1" customHeight="1" x14ac:dyDescent="0.15">
      <c r="A47" s="34"/>
      <c r="B47" s="38"/>
      <c r="C47" s="30"/>
      <c r="D47" s="22"/>
      <c r="E47" s="22"/>
      <c r="F47" s="22"/>
      <c r="G47" s="44"/>
      <c r="H47" s="22"/>
      <c r="I47" s="22"/>
      <c r="J47" s="17"/>
    </row>
    <row r="48" spans="1:13" ht="23.1" customHeight="1" x14ac:dyDescent="0.15">
      <c r="A48" s="34">
        <v>23</v>
      </c>
      <c r="B48" s="38" t="s">
        <v>54</v>
      </c>
      <c r="C48" s="28" t="s">
        <v>62</v>
      </c>
      <c r="D48" s="57" t="s">
        <v>162</v>
      </c>
      <c r="E48" s="22">
        <v>55</v>
      </c>
      <c r="F48" s="22" t="s">
        <v>121</v>
      </c>
      <c r="G48" s="44" t="s">
        <v>157</v>
      </c>
      <c r="H48" s="22" t="s">
        <v>122</v>
      </c>
      <c r="I48" s="22" t="s">
        <v>123</v>
      </c>
      <c r="J48" s="9" t="s">
        <v>63</v>
      </c>
    </row>
    <row r="49" spans="1:10" ht="23.1" customHeight="1" thickBot="1" x14ac:dyDescent="0.2">
      <c r="A49" s="34"/>
      <c r="B49" s="40"/>
      <c r="C49" s="29"/>
      <c r="D49" s="58"/>
      <c r="E49" s="43"/>
      <c r="F49" s="43"/>
      <c r="G49" s="45"/>
      <c r="H49" s="43"/>
      <c r="I49" s="43"/>
      <c r="J49" s="12" t="s">
        <v>144</v>
      </c>
    </row>
    <row r="50" spans="1:10" ht="13.5" customHeight="1" x14ac:dyDescent="0.15">
      <c r="C50" s="51">
        <f>SUM(E4:E49)</f>
        <v>1271</v>
      </c>
      <c r="D50" s="51"/>
      <c r="E50" s="51"/>
      <c r="G50" s="49" t="s">
        <v>160</v>
      </c>
      <c r="H50" s="49"/>
      <c r="I50" s="49"/>
      <c r="J50" s="49"/>
    </row>
    <row r="51" spans="1:10" x14ac:dyDescent="0.15">
      <c r="G51" s="50"/>
      <c r="H51" s="50"/>
      <c r="I51" s="50"/>
      <c r="J51" s="50"/>
    </row>
  </sheetData>
  <mergeCells count="238">
    <mergeCell ref="D40:D41"/>
    <mergeCell ref="D42:D43"/>
    <mergeCell ref="D44:D45"/>
    <mergeCell ref="D46:D47"/>
    <mergeCell ref="D48:D49"/>
    <mergeCell ref="D28:D29"/>
    <mergeCell ref="D30:D31"/>
    <mergeCell ref="D32:D33"/>
    <mergeCell ref="D34:D35"/>
    <mergeCell ref="D36:D37"/>
    <mergeCell ref="D38:D39"/>
    <mergeCell ref="D16:D17"/>
    <mergeCell ref="D18:D19"/>
    <mergeCell ref="D20:D21"/>
    <mergeCell ref="D22:D23"/>
    <mergeCell ref="D24:D25"/>
    <mergeCell ref="D26:D27"/>
    <mergeCell ref="D2:D3"/>
    <mergeCell ref="D4:D5"/>
    <mergeCell ref="D6:D7"/>
    <mergeCell ref="D8:D9"/>
    <mergeCell ref="D10:D11"/>
    <mergeCell ref="D12:D13"/>
    <mergeCell ref="J38:J39"/>
    <mergeCell ref="G50:J51"/>
    <mergeCell ref="C50:E50"/>
    <mergeCell ref="I1:J1"/>
    <mergeCell ref="A1:G1"/>
    <mergeCell ref="I48:I49"/>
    <mergeCell ref="I28:I29"/>
    <mergeCell ref="I30:I31"/>
    <mergeCell ref="I32:I33"/>
    <mergeCell ref="I42:I43"/>
    <mergeCell ref="I34:I35"/>
    <mergeCell ref="I20:I21"/>
    <mergeCell ref="I22:I23"/>
    <mergeCell ref="I24:I25"/>
    <mergeCell ref="I26:I27"/>
    <mergeCell ref="H48:H49"/>
    <mergeCell ref="H44:H45"/>
    <mergeCell ref="H46:H47"/>
    <mergeCell ref="H34:H35"/>
    <mergeCell ref="H36:H37"/>
    <mergeCell ref="I2:I3"/>
    <mergeCell ref="I4:I5"/>
    <mergeCell ref="I6:I7"/>
    <mergeCell ref="I8:I9"/>
    <mergeCell ref="I10:I11"/>
    <mergeCell ref="I12:I13"/>
    <mergeCell ref="I14:I15"/>
    <mergeCell ref="I16:I17"/>
    <mergeCell ref="I18:I19"/>
    <mergeCell ref="H40:H41"/>
    <mergeCell ref="H42:H43"/>
    <mergeCell ref="H18:H19"/>
    <mergeCell ref="H20:H21"/>
    <mergeCell ref="H22:H23"/>
    <mergeCell ref="H24:H25"/>
    <mergeCell ref="H32:H33"/>
    <mergeCell ref="H38:H39"/>
    <mergeCell ref="H10:H11"/>
    <mergeCell ref="H12:H13"/>
    <mergeCell ref="H14:H15"/>
    <mergeCell ref="H16:H17"/>
    <mergeCell ref="H2:H3"/>
    <mergeCell ref="H4:H5"/>
    <mergeCell ref="H6:H7"/>
    <mergeCell ref="H8:H9"/>
    <mergeCell ref="E12:E13"/>
    <mergeCell ref="E14:E15"/>
    <mergeCell ref="E16:E17"/>
    <mergeCell ref="B26:B27"/>
    <mergeCell ref="B12:B13"/>
    <mergeCell ref="B14:B15"/>
    <mergeCell ref="B16:B17"/>
    <mergeCell ref="C26:C27"/>
    <mergeCell ref="C20:C21"/>
    <mergeCell ref="D14:D15"/>
    <mergeCell ref="G22:G23"/>
    <mergeCell ref="G20:G21"/>
    <mergeCell ref="G18:G19"/>
    <mergeCell ref="G4:G5"/>
    <mergeCell ref="G10:G11"/>
    <mergeCell ref="G8:G9"/>
    <mergeCell ref="G6:G7"/>
    <mergeCell ref="G16:G17"/>
    <mergeCell ref="G14:G15"/>
    <mergeCell ref="G12:G13"/>
    <mergeCell ref="G32:G33"/>
    <mergeCell ref="G30:G31"/>
    <mergeCell ref="G26:G27"/>
    <mergeCell ref="J24:J25"/>
    <mergeCell ref="J28:J29"/>
    <mergeCell ref="G24:G25"/>
    <mergeCell ref="G28:G29"/>
    <mergeCell ref="H26:H27"/>
    <mergeCell ref="H28:H29"/>
    <mergeCell ref="H30:H31"/>
    <mergeCell ref="G40:G41"/>
    <mergeCell ref="G38:G39"/>
    <mergeCell ref="G36:G37"/>
    <mergeCell ref="G34:G35"/>
    <mergeCell ref="G48:G49"/>
    <mergeCell ref="G46:G47"/>
    <mergeCell ref="G42:G43"/>
    <mergeCell ref="G44:G45"/>
    <mergeCell ref="F42:F43"/>
    <mergeCell ref="F46:F47"/>
    <mergeCell ref="F48:F49"/>
    <mergeCell ref="F44:F45"/>
    <mergeCell ref="F34:F35"/>
    <mergeCell ref="F36:F37"/>
    <mergeCell ref="F38:F39"/>
    <mergeCell ref="F40:F41"/>
    <mergeCell ref="F30:F31"/>
    <mergeCell ref="F32:F33"/>
    <mergeCell ref="F18:F19"/>
    <mergeCell ref="F20:F21"/>
    <mergeCell ref="F22:F23"/>
    <mergeCell ref="F24:F25"/>
    <mergeCell ref="F28:F29"/>
    <mergeCell ref="F26:F27"/>
    <mergeCell ref="F16:F17"/>
    <mergeCell ref="F2:F3"/>
    <mergeCell ref="F4:F5"/>
    <mergeCell ref="F6:F7"/>
    <mergeCell ref="F8:F9"/>
    <mergeCell ref="F10:F11"/>
    <mergeCell ref="F12:F13"/>
    <mergeCell ref="F14:F15"/>
    <mergeCell ref="E42:E43"/>
    <mergeCell ref="E46:E47"/>
    <mergeCell ref="E48:E49"/>
    <mergeCell ref="E44:E45"/>
    <mergeCell ref="E34:E35"/>
    <mergeCell ref="E36:E37"/>
    <mergeCell ref="E38:E39"/>
    <mergeCell ref="E40:E41"/>
    <mergeCell ref="E8:E9"/>
    <mergeCell ref="E30:E31"/>
    <mergeCell ref="E32:E33"/>
    <mergeCell ref="E18:E19"/>
    <mergeCell ref="E20:E21"/>
    <mergeCell ref="E22:E23"/>
    <mergeCell ref="E24:E25"/>
    <mergeCell ref="E10:E11"/>
    <mergeCell ref="E28:E29"/>
    <mergeCell ref="E26:E27"/>
    <mergeCell ref="B42:B43"/>
    <mergeCell ref="B46:B47"/>
    <mergeCell ref="B48:B49"/>
    <mergeCell ref="B44:B45"/>
    <mergeCell ref="B34:B35"/>
    <mergeCell ref="B36:B37"/>
    <mergeCell ref="B38:B39"/>
    <mergeCell ref="B40:B41"/>
    <mergeCell ref="B30:B31"/>
    <mergeCell ref="B32:B33"/>
    <mergeCell ref="B18:B19"/>
    <mergeCell ref="B20:B21"/>
    <mergeCell ref="B22:B23"/>
    <mergeCell ref="B24:B25"/>
    <mergeCell ref="B28:B29"/>
    <mergeCell ref="B2:B3"/>
    <mergeCell ref="B4:B5"/>
    <mergeCell ref="B6:B7"/>
    <mergeCell ref="B8:B9"/>
    <mergeCell ref="B10:B11"/>
    <mergeCell ref="A42:A43"/>
    <mergeCell ref="A26:A27"/>
    <mergeCell ref="A30:A31"/>
    <mergeCell ref="A32:A33"/>
    <mergeCell ref="A28:A29"/>
    <mergeCell ref="A46:A47"/>
    <mergeCell ref="A48:A49"/>
    <mergeCell ref="A44:A45"/>
    <mergeCell ref="A34:A35"/>
    <mergeCell ref="A36:A37"/>
    <mergeCell ref="A38:A39"/>
    <mergeCell ref="A40:A41"/>
    <mergeCell ref="A18:A19"/>
    <mergeCell ref="A20:A21"/>
    <mergeCell ref="A22:A23"/>
    <mergeCell ref="A24:A25"/>
    <mergeCell ref="A12:A13"/>
    <mergeCell ref="A14:A15"/>
    <mergeCell ref="A16:A17"/>
    <mergeCell ref="A2:A3"/>
    <mergeCell ref="A4:A5"/>
    <mergeCell ref="A6:A7"/>
    <mergeCell ref="A8:A9"/>
    <mergeCell ref="A10:A11"/>
    <mergeCell ref="C46:C47"/>
    <mergeCell ref="C4:C5"/>
    <mergeCell ref="C8:C9"/>
    <mergeCell ref="C22:C23"/>
    <mergeCell ref="C24:C25"/>
    <mergeCell ref="C48:C49"/>
    <mergeCell ref="C34:C35"/>
    <mergeCell ref="C36:C37"/>
    <mergeCell ref="C42:C43"/>
    <mergeCell ref="C44:C45"/>
    <mergeCell ref="C30:C31"/>
    <mergeCell ref="C32:C33"/>
    <mergeCell ref="C38:C39"/>
    <mergeCell ref="C10:C11"/>
    <mergeCell ref="C28:C29"/>
    <mergeCell ref="G2:G3"/>
    <mergeCell ref="C2:C3"/>
    <mergeCell ref="C16:C17"/>
    <mergeCell ref="C18:C19"/>
    <mergeCell ref="C14:C15"/>
    <mergeCell ref="C12:C13"/>
    <mergeCell ref="C6:C7"/>
    <mergeCell ref="E2:E3"/>
    <mergeCell ref="E4:E5"/>
    <mergeCell ref="E6:E7"/>
    <mergeCell ref="J42:J43"/>
    <mergeCell ref="J46:J47"/>
    <mergeCell ref="J34:J35"/>
    <mergeCell ref="I44:I45"/>
    <mergeCell ref="I46:I47"/>
    <mergeCell ref="I40:I41"/>
    <mergeCell ref="I38:I39"/>
    <mergeCell ref="I36:I37"/>
    <mergeCell ref="J4:J5"/>
    <mergeCell ref="J6:J7"/>
    <mergeCell ref="J12:J13"/>
    <mergeCell ref="J16:J17"/>
    <mergeCell ref="J14:J15"/>
    <mergeCell ref="J20:J21"/>
    <mergeCell ref="J10:J11"/>
    <mergeCell ref="J26:J27"/>
    <mergeCell ref="J36:J37"/>
    <mergeCell ref="J32:J33"/>
    <mergeCell ref="J18:J19"/>
    <mergeCell ref="J22:J23"/>
    <mergeCell ref="J30:J31"/>
  </mergeCells>
  <phoneticPr fontId="2"/>
  <printOptions horizontalCentered="1"/>
  <pageMargins left="0.47244094488188981" right="0.19685039370078741" top="0.59055118110236227" bottom="0.39370078740157483" header="0.51181102362204722" footer="0.47244094488188981"/>
  <pageSetup paperSize="9" scale="68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養護</vt:lpstr>
      <vt:lpstr>養護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fomc-0502-0016</dc:creator>
  <cp:lastModifiedBy>Windows ユーザー</cp:lastModifiedBy>
  <cp:lastPrinted>2018-09-06T02:11:24Z</cp:lastPrinted>
  <dcterms:created xsi:type="dcterms:W3CDTF">2007-04-16T01:09:03Z</dcterms:created>
  <dcterms:modified xsi:type="dcterms:W3CDTF">2019-08-21T05:17:30Z</dcterms:modified>
</cp:coreProperties>
</file>